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8201"/>
  <workbookPr autoCompressPictures="0"/>
  <mc:AlternateContent xmlns:mc="http://schemas.openxmlformats.org/markup-compatibility/2006">
    <mc:Choice Requires="x15">
      <x15ac:absPath xmlns:x15ac="http://schemas.microsoft.com/office/spreadsheetml/2010/11/ac" url="C:\Users\s428393\Dropbox\2016 RWS\Data tables\Reported Regions\NRMs\"/>
    </mc:Choice>
  </mc:AlternateContent>
  <bookViews>
    <workbookView xWindow="2085" yWindow="225" windowWidth="20370" windowHeight="11700" tabRatio="909"/>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2022" uniqueCount="456">
  <si>
    <t>Rural and regional Australia</t>
  </si>
  <si>
    <t>Index of data tables</t>
  </si>
  <si>
    <t>Community wellbeing (average score, from a possible 1-7)</t>
  </si>
  <si>
    <t>Household financial wellbeing</t>
  </si>
  <si>
    <t>Explanatory notes</t>
  </si>
  <si>
    <t>Why aren't data from every survey question reported for every region?</t>
  </si>
  <si>
    <t>General health</t>
  </si>
  <si>
    <t>Community leadership and collaboration</t>
  </si>
  <si>
    <t>Wellbeing</t>
  </si>
  <si>
    <t>Global Life Satisfaction</t>
  </si>
  <si>
    <t>Personal Wellbeing Index</t>
  </si>
  <si>
    <t>Community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Feeling life is worthwhile</t>
  </si>
  <si>
    <t xml:space="preserve">Community wellbeing measures </t>
  </si>
  <si>
    <t xml:space="preserve">Changes in community liveability </t>
  </si>
  <si>
    <t>Migration intentions</t>
  </si>
  <si>
    <t>Household financial measures</t>
  </si>
  <si>
    <t>Financial distress</t>
  </si>
  <si>
    <t>Community economic measures</t>
  </si>
  <si>
    <t>Self-efficacy</t>
  </si>
  <si>
    <t>Self-efficacy measures</t>
  </si>
  <si>
    <t>Community leadership and collaboration measures</t>
  </si>
  <si>
    <t>Institutional capital</t>
  </si>
  <si>
    <t>Human capital</t>
  </si>
  <si>
    <t>Financial capital</t>
  </si>
  <si>
    <t>Having a say and being heard measures</t>
  </si>
  <si>
    <t>Equity and inclusion</t>
  </si>
  <si>
    <t>Equity and inclusion measures</t>
  </si>
  <si>
    <t>Social capital</t>
  </si>
  <si>
    <t>Spending time with friends and family measures</t>
  </si>
  <si>
    <t>Getting involved</t>
  </si>
  <si>
    <t>Getting involved measures</t>
  </si>
  <si>
    <t>Sense of belonging measures</t>
  </si>
  <si>
    <t xml:space="preserve">Access to health, education, aged care and child care </t>
  </si>
  <si>
    <t>Physical capital</t>
  </si>
  <si>
    <t>Access to health, education, aged care and child care measures</t>
  </si>
  <si>
    <t xml:space="preserve">Access to roads and public transport </t>
  </si>
  <si>
    <t>Access to roads and public transport measures</t>
  </si>
  <si>
    <t>Access to food and retail shops</t>
  </si>
  <si>
    <t>Access to food and retail shops measures</t>
  </si>
  <si>
    <t>Access to financial and professional services</t>
  </si>
  <si>
    <t>Access to financial and professional services measures</t>
  </si>
  <si>
    <t>Telecommunications</t>
  </si>
  <si>
    <t>Telecommunications measure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Each individual item used to create the 'community leadership and collaboration'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equity and inclusion' scale is presented individually</t>
  </si>
  <si>
    <t>Each individual item used to create the 'spending time with friends and family' scale is presented individually</t>
  </si>
  <si>
    <t xml:space="preserve">Getting involved </t>
  </si>
  <si>
    <t>Each individual item used to create the 'getting involved' scale is presented individually</t>
  </si>
  <si>
    <t>Participation in volunteering - distribution of responses</t>
  </si>
  <si>
    <t>Each individual item used to create the 'sense of belonging' scale is presented individually</t>
  </si>
  <si>
    <t>Access to health, education, aged care and child care (average score, from a possible 1-7)</t>
  </si>
  <si>
    <t>Each individual item used to create the 'access to health, education, aged care and child care' scale is presented individually</t>
  </si>
  <si>
    <t>Access to roads and public transport (average score, from a possible 1-7)</t>
  </si>
  <si>
    <t>Each individual item used to create the 'access to roads and public transport ' scale is presented individually</t>
  </si>
  <si>
    <t>Access to food and retail shops  (average score, from a possible 1-7)</t>
  </si>
  <si>
    <t>Each individual item used to create the 'access to food and retail shops ' scale is presented individually</t>
  </si>
  <si>
    <t>Access to financial and professional services (average score, from a possible 1-7)</t>
  </si>
  <si>
    <t>Each individual item used to create the 'access to financial and professional services' scale is presented individually</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health</t>
  </si>
  <si>
    <t>….what you are currently achieving in life</t>
  </si>
  <si>
    <t>….your personal relationships</t>
  </si>
  <si>
    <t>….how safe you feel</t>
  </si>
  <si>
    <t>….feeling part of your community</t>
  </si>
  <si>
    <t>….your future security</t>
  </si>
  <si>
    <t>Feeling life is worthwhile
(average score, from a possible 0-100)</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 xml:space="preserve">Measured from 1 (strongly disagree) to 7 (strongly agree)
</t>
  </si>
  <si>
    <t xml:space="preserve">Each individual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My community is a great place to live
(Measured 'strongly disagree' (1) to 'strongly agree' (7))
</t>
  </si>
  <si>
    <t>This community copes pretty well when faced with challenges
(Measured 'strongly disagree' (1) to 'strongly agree' (7))</t>
  </si>
  <si>
    <t>Disagree</t>
  </si>
  <si>
    <t>Neither agree/disagree</t>
  </si>
  <si>
    <t>Agree</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 xml:space="preserve">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Likelihood of shifting in the next 12 months 
(measured 'very unlikely' (1) to 'very likely' (5))</t>
  </si>
  <si>
    <t xml:space="preserve">Confidence interval for % who were unlikely to shift </t>
  </si>
  <si>
    <t>Confidence interval for % who neither likely or unlikely to shift</t>
  </si>
  <si>
    <t>Confidence interval for % who  were likely to shift</t>
  </si>
  <si>
    <t>There is 95% confidence that if the survey was repeated, the value would fall between the %  ± the confidence interval</t>
  </si>
  <si>
    <t>Household financial wellbeing
 (average score, from a possible 1-7)</t>
  </si>
  <si>
    <t>Measured from 1 (lowest level of financial wellbeing) to 7 (highest level of financial wellbeing)</t>
  </si>
  <si>
    <t>Household income  - distribution of responses</t>
  </si>
  <si>
    <t>Self-rated financial wellbeing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Financial distress score 
(average score, from a possible 0-10)</t>
  </si>
  <si>
    <t xml:space="preserve">Financial distress - distribution of responses
</t>
  </si>
  <si>
    <t>Confidence interval for no financial distress</t>
  </si>
  <si>
    <t>Confidence interval for low financial distress</t>
  </si>
  <si>
    <t>Confidence interval for moderate financial distress</t>
  </si>
  <si>
    <t>Community economic wellbeing
 (average score, from a possible 1-7)</t>
  </si>
  <si>
    <t>Measured from 1 (low levels of community economic wellbeing) to 7 (high levels of community economic wellbeing)</t>
  </si>
  <si>
    <t>This community is financially well-off
(Measured 'strongly disagree' (1) to 'strongly agree' (7))</t>
  </si>
  <si>
    <t>Local businesses in this town are doing pretty well at the moment
(Measured 'strongly disagree' (1) to 'strongly agree' (7))</t>
  </si>
  <si>
    <t xml:space="preserve">Respondents were asked ‘how would you rate your general health?’, and asked to select one of the following options: excellent, very good, good, fair or poor. </t>
  </si>
  <si>
    <t>General health
 (average score, from a possible 1-5)</t>
  </si>
  <si>
    <t>Good</t>
  </si>
  <si>
    <t>Confidence interval for % good</t>
  </si>
  <si>
    <t>Measured from 1 (poor) to 5 (excellent)</t>
  </si>
  <si>
    <t>Measured from 10 (no distress at all) to a maximum of 50 (the most severe distress)</t>
  </si>
  <si>
    <t>Self-efficacy
 (average score, from a possible 1-7)</t>
  </si>
  <si>
    <t>Measured from 1 (low levels of self-efficacy) to 7 (high levels of self-efficacy)</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Each individual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My local government is able to help our community face challenges 
(Measured 'strongly disagree' (1) to 'strongly agree' (7))</t>
  </si>
  <si>
    <t>The people who make decisions for my community represent the whole community, not just part of it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Equity and inclusion
(average score, from a possible 1-7)</t>
  </si>
  <si>
    <t>Measured from 1 (low levels of inclusion and equity) to 7 (high levels of inclusion and equity)</t>
  </si>
  <si>
    <t>Each individual item used to create the 'equity and inclusion' scale is presented individually. 
The questions were measured on a 7-point scale, from 'strongly disagree' (1) to 'strongly agree' (7), and included: (i) Some groups in this community keep to themselves; (ii) Some individuals get left out in this community; and (iii) There is a lot of disagreement between people in this community.</t>
  </si>
  <si>
    <t>Some groups in this community keep to themselves
(Measured 'strongly disagree' (1) to 'strongly agree' (7))</t>
  </si>
  <si>
    <t>There is a lot of disagreement between people in this community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Spending time with friends and family
(average score, from a possible 1-7)</t>
  </si>
  <si>
    <t>Measured from 1 (low levels of informal social connectedness) to 7 (high levels of informal social connectedness)</t>
  </si>
  <si>
    <t>Each individual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I make time to keep in touch with my friends
'(Measured 'never' (1) to 'all the time' (7))</t>
  </si>
  <si>
    <t>I chat with my neighbours
'(Measured 'never' (1) to 'all the time' (7))</t>
  </si>
  <si>
    <t>I spend time doing things with family members who don’t live with me
'(Measured 'never' (1) to 'all the time' (7))</t>
  </si>
  <si>
    <t>% Never/rarely</t>
  </si>
  <si>
    <t>% Sometimes</t>
  </si>
  <si>
    <t>%  Regularly/all the time</t>
  </si>
  <si>
    <t>Getting involved
 (average score, from a possible 1-7)</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Regularly volunteer</t>
  </si>
  <si>
    <t>Confidence interval for % who regularly volunteer</t>
  </si>
  <si>
    <t>Measured from 1 (low sense of belonging) to 7 (high sense of belonging)</t>
  </si>
  <si>
    <t>I feel welcome here
(Measured 'strongly disagree' (1) to 'strongly agree' (7))</t>
  </si>
  <si>
    <t>I feel part of my community 
(Measured 'strongly disagree' (1) to 'strongly agree' (7))</t>
  </si>
  <si>
    <t>I feel like an outsider here 
(Measured 'strongly disagree' (1) to 'strongly agree' (7))</t>
  </si>
  <si>
    <t>There is 95% confidence that if the survey was repeated, the value would fall between the %± the confidence interval</t>
  </si>
  <si>
    <t xml:space="preserve"> Access to health, education, aged care and child care
(average score, from a possible 1-7)</t>
  </si>
  <si>
    <t>Measured from 1 (very poor) to 7 (very good)</t>
  </si>
  <si>
    <t>Mental health services e.g. psychologist, psychiatrist
(Measured 'very poor' (1) to 'very good' (7))</t>
  </si>
  <si>
    <t>Specialist health services (other than mental health)
(Measured 'very poor' (1) to 'very good' (7))</t>
  </si>
  <si>
    <t>Education e.g. schools, distance education, vocational training
(Measured 'very poor' (1) to 'very good' (7))</t>
  </si>
  <si>
    <t>Child care
(Measured 'very poor' (1) to 'very good' (7))</t>
  </si>
  <si>
    <t>% poor</t>
  </si>
  <si>
    <t>Confidence interval for % poor</t>
  </si>
  <si>
    <t>% neither poor nor good</t>
  </si>
  <si>
    <t>Confidence interval for % neither poor nor good</t>
  </si>
  <si>
    <t>% good</t>
  </si>
  <si>
    <t xml:space="preserve">Access to roads and public transport was measured by asking respondents to rate their access to the following types of services in their local community, on a scale ranging from 'very poor' (1) to 'very good' (7): (i) Roads; and (ii) Public transport (including taxis, buses, trains).
A single measure of overall access to roads and public transport was then constructed based on the average score of a person’s responses to these two items.
</t>
  </si>
  <si>
    <t xml:space="preserve"> Access to roads and public transport
(average score, from a possible 1-7)</t>
  </si>
  <si>
    <t>Each individual item used to create the 'access to roads and public transport' scale is presented individually. 
The questions were measured on a 7-point scale, from 'very poor' (1) to 'very good' (7), and included: 
 (i) Roads; and (ii) Public transport (including taxis, buses, trains).</t>
  </si>
  <si>
    <t>Roads
(Measured 'very poor' (1) to 'very good' (7))</t>
  </si>
  <si>
    <t>Public transport (including taxis, buses, trains)
(Measured 'very poor' (1) to 'very good' (7))</t>
  </si>
  <si>
    <t xml:space="preserve">Access to food and retail shops was measured by asking respondents to rate their access to the following types of services in their local community, on a scale ranging from 'very poor' (1) to 'very good' (7): (i) Fresh fruit and vegetables; (ii) Affordable food; and (iii) Retail shops.
A single measure of overall access to food and retail was then constructed based on the average score of a person’s responses to these three items.
</t>
  </si>
  <si>
    <t>Access to food and retail shops
(average score, from a possible 1-7)</t>
  </si>
  <si>
    <t>Each individual item used to create the 'access to food and retail shops' scale is presented individually. 
The questions were measured on a 7-point scale, from 'very poor' (1) to 'very good' (7), and included: 
(i) Fresh fruit and vegetables; (ii) Affordable food; and (iii) Retail shops.</t>
  </si>
  <si>
    <t>Fresh fruit and vegetables
(Measured 'very poor' (1) to 'very good' (7))</t>
  </si>
  <si>
    <t>Affordable food 
(Measured 'very poor' (1) to 'very good' (7))</t>
  </si>
  <si>
    <t>Retail shops
(Measured 'very poor' (1) to 'very good' (7))</t>
  </si>
  <si>
    <t>Access to financial and professional services
(average score, from a possible 1-7)</t>
  </si>
  <si>
    <t>Banking and financial services
(Measured 'very poor' (1) to 'very good' (7))</t>
  </si>
  <si>
    <t>Professional services e.g. accountants, lawyers
(Measured 'very poor' (1) to 'very good' (7))</t>
  </si>
  <si>
    <t>Telecommunications
(average score, from a possible 1-7)</t>
  </si>
  <si>
    <t>Crime and safety in the local community
(average score, from a possible 1-7)</t>
  </si>
  <si>
    <t>Measured from 1 (low levels of safety) to 7 (high levels of safety)</t>
  </si>
  <si>
    <t>Each individual item used to create the 'crime and safety' scale is presented individually. 
The questions were measured on a 7-point scale, from 'strongly disagree (1) to 'strongly agree' (7), and included: 
(i) This is a safe place to live; (ii) There is a high crime rate in this community; (iii) Many people in this community abuse drugs; and (iv)Many people in this community drink too much alcohol.</t>
  </si>
  <si>
    <t>This is a safe place to live
(Measured 'strongly disagree' (1) to 'strongly agree' (7))</t>
  </si>
  <si>
    <t>There is a high crime rate in this community
(Measured 'strongly disagree' (1) to 'strongly agree' (7))</t>
  </si>
  <si>
    <t>Many people in this community drink too much alcohol 
(Measured 'strongly disagree' (1) to 'strongly agree' (7))</t>
  </si>
  <si>
    <t>Many people in this community abuse drugs
(Measured 'strongly disagree' (1) to 'strongly agree' (7))</t>
  </si>
  <si>
    <t>Landscape and aesthetics
(average score, from a possible 1-7)</t>
  </si>
  <si>
    <t>Measured from 1 (low landscape and aesthetics) to 7 (high landscape and aesthetics)</t>
  </si>
  <si>
    <t>There are attractive buildings / homes in my community
(Measured 'strongly disagree' (1) to 'strongly agree' (7))</t>
  </si>
  <si>
    <t>There are attractive natural places in my community e.g. parks, bushland
(Measured 'strongly disagree' (1) to 'strongly agree' (7))</t>
  </si>
  <si>
    <t>Perceived environmental health
(average score, from a possible 1-7)</t>
  </si>
  <si>
    <t>Measured from 1 (poor environmental health) to 7 (good environmental health)</t>
  </si>
  <si>
    <t>Soil eros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  Big problem</t>
  </si>
  <si>
    <t>Confidence interval for % Big problem</t>
  </si>
  <si>
    <t>Confidence interval for % Moderate problem</t>
  </si>
  <si>
    <t>% Not a problem</t>
  </si>
  <si>
    <t>Confidence interval for % Not a problem</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xml:space="preserve">% residents who were unlikely to shift </t>
  </si>
  <si>
    <t xml:space="preserve">% residents who were neither likely or unlikely to shift </t>
  </si>
  <si>
    <t xml:space="preserve">% residents who were likely to shift  </t>
  </si>
  <si>
    <t>% residents who had a score of 1 or 2 out of 5</t>
  </si>
  <si>
    <t>% residents who had a score of 3 out of 5</t>
  </si>
  <si>
    <t>% residents who had a score of 4 or 5 out of 5</t>
  </si>
  <si>
    <t>% residents $0-$51,999</t>
  </si>
  <si>
    <t>% residents who were poor or very poor</t>
  </si>
  <si>
    <t>% residents who were just getting along</t>
  </si>
  <si>
    <t>% residents who were reasonably comfortable</t>
  </si>
  <si>
    <t>% residents who were very comfortable or prosperous</t>
  </si>
  <si>
    <t>% residents who indicated they were poor or very poor</t>
  </si>
  <si>
    <t>% residents who indicated they were just getting along</t>
  </si>
  <si>
    <t>% residents who indicated they were reasonably comfortable</t>
  </si>
  <si>
    <t>% residents who indicated they were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Moderate problem</t>
  </si>
  <si>
    <t>% residents whose income is between $0 and $51,999</t>
  </si>
  <si>
    <t>The 'feeling life is worthwhile' score was calculated based on respondents' rating on a scale from 'not at all worthwhile' (0) to 'completely worthwhile' (10) when asked 'Overall, to what etent do you feel the things you do in your life are worthwhile?'. Scores have been multiplied by 10 (so life satisfaction is measured on a scale of 0 to 100).</t>
  </si>
  <si>
    <t>Measured from 0 (not at all worthwhile) to 100 (completely worthwhile)</t>
  </si>
  <si>
    <t>Migration intentions was measured by asking respondents 'How likely are you to shift to a new community in the next 12 months? 
Measured using a 5-point scale from 'very unlikely' (1) to 'very likely' (5)</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 residents who selected 1 of the financial distress items</t>
  </si>
  <si>
    <t>% residents who selected 2, 3 or 4 of the financial distress items</t>
  </si>
  <si>
    <t>Measured from 0 (no financial distress) to 4 (highest level of financial distress)</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There are plenty of jobs available around here at the moment
(Measured 'strongly disagree' (1) to 'strongly agree' (7))</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ii) This community is financially well-off; (iii) There are plenty of jobs available around here at the moment; and (iv)Local businesses in this town are doing pretty well at the moment.</t>
  </si>
  <si>
    <t xml:space="preserve">% residents with no or very low financial distress  </t>
  </si>
  <si>
    <t xml:space="preserve">% residents with low-moderate financial distress </t>
  </si>
  <si>
    <t xml:space="preserve">% residents with high financial distress </t>
  </si>
  <si>
    <t>Fair</t>
  </si>
  <si>
    <t>Poor</t>
  </si>
  <si>
    <t>Very good</t>
  </si>
  <si>
    <t>Excellent</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 xml:space="preserve">Respondents were asked to identify how much they agreed or disagreed, on a 7-point response format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Low probability of serious mental illness (6-18)</t>
  </si>
  <si>
    <t>High probability of serious mental illness (19-30)</t>
  </si>
  <si>
    <t>Each individual item used to create the 'self-efficacy' scale is presented individually. 
The self-efficacy questions were measured on a 7-point scale, from 'strongly disagree' (1) to 'strongly agree' (7), and included: 
 (i) I am confident I can achieve the things I want in life, and (ii) I am confident I can achieve the things I want in my work.</t>
  </si>
  <si>
    <t xml:space="preserve"> I am confident I can achieve the things I want in life
(Measured 'strongly disagree' (1) to 'strongly agree' (7))</t>
  </si>
  <si>
    <t>I am confident I can achieve the things I want in my work
(Measured 'strongly disagree' (1) to 'strongly agree' (7))</t>
  </si>
  <si>
    <t>K6 psychological distress (average score, from a possible 6-30)</t>
  </si>
  <si>
    <t>K6 psychological distress - distribution of response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feelings of having a say and being heard) to 7 (high feelings of having a say and being heard).</t>
  </si>
  <si>
    <t>Most people get a fair go around here
(Measured 'strongly disagree' (1) to 'strongly agree' (7))</t>
  </si>
  <si>
    <t xml:space="preserve">Equity and inclusion was measured by asking survey participants how much they agreed with the following three statements, from 'strongly disagree' (1) to 'strongly agree' (7): (i) Some groups in this community keep to themselves; (ii) Some groups who live in this community aren’t made to feel welcome; and (iii) There is a lot of disagreement between people in this community.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Some groups who live in this community aren’t made to feel welcome
(Measured 'strongly disagree' (1) to 'strongly agree' (7))</t>
  </si>
  <si>
    <t>The extent of a person’s involvement in local community activities was examined by asking survey participants how frequently they took part in the following types of activities, on a scale from 'never or almost never' (1) to 'all the time' (7): (i) I go to arts or cultural events; (ii) I attend community events such as farmers markets, community festivals; (iii) I attend meetings/social events of local clubs/groups e.g. Lions, CWA; and (iv)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go to arts or cultural events; (ii) I attend community events such as farmers markets, community festivals; (iii) I attend meetings/social events of local clubs/groups e.g. Lions, CWA; and (iv) I take part in sports groups or teams.</t>
  </si>
  <si>
    <t>I go to arts or cultural events 
'(Measured 'never or almost never' (1) to 'all the time' (7))</t>
  </si>
  <si>
    <t>I attend community events such as farmers markets, community festivals
'(Measured 'never or almost never' (1) to 'all the time' (7))</t>
  </si>
  <si>
    <t>I attend meetings/social events of local clubs/groups e.g. Lions, CWA
'(Measured 'never or almost never' (1) to 'all the time' (7))</t>
  </si>
  <si>
    <t>I take part in sports groups or teams
'(Measured 'never or almost never' (1) to 'all the time' (7))</t>
  </si>
  <si>
    <t>Never or almost never volunteer</t>
  </si>
  <si>
    <t xml:space="preserve">Respondents were asked how often they volunteer in their local community e.g. for groups like fire brigades, sports clubs, school canteen, meals on wheels, festivals, on a 7-point scale from 'never or almost never' (1) through to 'all the time' (7). </t>
  </si>
  <si>
    <t>Volunteering - distribution of responses
'(Measured 'never or almost never' (1) to 'all the time' (7))</t>
  </si>
  <si>
    <t>Each individual item used to create the 'sense of belonging' scale is presented individually. 
The questions were measured on a 7-point scale, from 'strongly disagree' (1) to 'strongly agree' (7), and included: 
 (i) I feel welcome here; (ii) I feel part of my community; and (iii) I feel like an outsider here</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General health services e.g. GP, general health consultation services
(Measured 'very poor' (1) to 'very good' (7))</t>
  </si>
  <si>
    <t>Aged care services e.g. retirement villages, in-home support
(Measured 'very poor' (1) to 'very good' (7))</t>
  </si>
  <si>
    <r>
      <t>Each individual item used to create the</t>
    </r>
    <r>
      <rPr>
        <sz val="12"/>
        <color indexed="10"/>
        <rFont val="Calibri"/>
        <family val="2"/>
      </rPr>
      <t xml:space="preserve"> </t>
    </r>
    <r>
      <rPr>
        <sz val="12"/>
        <rFont val="Calibri"/>
        <family val="2"/>
      </rPr>
      <t>'access to health, education, aged care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Education e.g. schools, distance education, vocational training; (v) AAged care services e.g. retirement villages, in-home support; and (vi) Child care.</t>
    </r>
  </si>
  <si>
    <t>Access to health, education, aged care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Education e.g. schools, distance education, vocational training; (v) Aged care services e.g. retirement villages, in-home support; and (vi) Child care.
A single measure of overall access to health, education, aged and child care was then constructed based on the average score of a person’s responses to these items, after excluding respondents who were unsure whether there was access to a given service.</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Each individual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 xml:space="preserve">Access to telecommunications was measured by asking respondents to rate their access to (i) mobile phone coverage in their community, as well as the following types of services in their home or property, on a scale ranging from 'very poor' (1) to 'very good' (7): (ii) Mobile phone coverage; (iii) Reliable internet (that doesn't regularly drop out or slow down); (iv) High speed internet; and (v) Affordable internet
The average of a person’s responses to these two items, which were highly correlated, was used to construct the ‘access to telecommunications’ measure.
</t>
  </si>
  <si>
    <t>Mobile phone coverage in the community
(Measured 'very poor' (1) to 'very good' (7))</t>
  </si>
  <si>
    <t>Each individual item used to create the 'telecommunications' scale is presented individually. 
The questions were measured on a 7-point scale, from 'very poor' (1) to 'very good' (7), and included: 
a) How good is your access to the following in your community? (i) Mobile phone coverage 
b) How good is your access to the following at your home or property?  (i) Mobile phone coverage; (ii) Reliable internet (that doesn't regularly drop out or slow down); (iii) High speed internet; and (iv) Affordable internet</t>
  </si>
  <si>
    <t>Mobile phone coverage at home or property
(Measured 'very poor' (1) to 'very good' (7))</t>
  </si>
  <si>
    <t>Reliable internet (that doesn't regularly drop out or slow down) at home or property
(Measured 'very poor' (1) to 'very good' (7))</t>
  </si>
  <si>
    <t>High speed internet at home or property
(Measured 'very poor' (1) to 'very good' (7))</t>
  </si>
  <si>
    <t>Affordable internet at home or property
(Measured 'very poor' (1) to 'very good' (7))</t>
  </si>
  <si>
    <t xml:space="preserve">Crime and safety was measured by asking respondents the extent to which they agreed or disagreed with the following statements, on a scale from 'strongly disagree (1) to 'strongly agree' (7): (i) This is a safe place to live; (ii) There is a high crime rate in this community; (iii) Many people in this community abuse drugs; and (iv) Many people in this community drink too much alcohol.
The ‘crime and safety’ scale was then calculated by taking the average score of these items. The scores for the second, third and fourth items were reversed, so that for the scale as a whole score of 1 indicated low levels of safety, and a score of 7 high levels of safety.
</t>
  </si>
  <si>
    <t xml:space="preserve">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
</t>
  </si>
  <si>
    <t xml:space="preserve">Each individual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I like the environment and surrounds I live in
(Measured 'strongly disagree' (1) to 'strongly agree' (7))</t>
  </si>
  <si>
    <t xml:space="preserve">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
</t>
  </si>
  <si>
    <t>Water quality problems other than salinity, in rivers, lake or waterways
(Measured 'Not a problem' (1) to 'Big problem' (7))</t>
  </si>
  <si>
    <t xml:space="preserve">Each individual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Poor soil health other than soil erosion e.g. soil compaction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Living costs are affordable here
(Measured 'strongly disagree' (1) to 'strongly agree' (7))</t>
  </si>
  <si>
    <t xml:space="preserve">The data in this spreadsheet were produced from the 2016 Regional Wellbeing Survey. Information about the survey is available at www.regionalwellbeing.org.au. </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The data presented in this spreadsheet are from a survey of adult residents of this region. All surveys have some bias in the responses they receive. The 2016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from the '2015 Regional Wellbeing Survey reports and results' section of our website, includes a more detailed discussion of reliability of the survey data, which should be referred to when interpreting the data in this spreadsheet.</t>
  </si>
  <si>
    <t xml:space="preserve">Rural and regional Australia includes all of Australia except the cities of Sydney, Melbourne, Adelaide, Brisbane, Canberra and Perth. In total, 12,891 people from rural and regional Australia took part in the 2016 Regional Wellbeing Survey, although not all these people answered every question on the survey. A small number of people (411) living in the cities of Sydney, Melbourne, Adelaide, Brisbane, Canberra and Perth took part in the 2016 Regional Wellbeing Survey, but are excluded when reporting for rural and regional Australia in these data tables. Some parts of rural and regional Australia were sampled intensively as part of the survey, while others were sampled less intensively. </t>
  </si>
  <si>
    <t>Rural and regional Western Australia</t>
  </si>
  <si>
    <t xml:space="preserve">Rural and regional Western Australia includes all of Western Australia except the large metropolitan areas of Perth and surrounding suburban areas. In total, 1,008 people who live in rural and regional Western Australia took part in the 2016 Regional Wellbeing Survey, although not all these people answered every question on the survey. A small number of people (24) living in the city of Perth and surrounding suburbs took part in the 2016 Regional Wellbeing Survey, but are excluded when reporting for rural and regional Western Australia in these data tables. </t>
  </si>
  <si>
    <t>About the region: Western Australian NRM regions</t>
  </si>
  <si>
    <t xml:space="preserve">This file provides data from the 2016 Regional Wellbeing Survey for the Western Australian Natural Resource Managment (NRM) regions.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rural and regional Australia; (ii) rural and regional Western Australia; and (iii) each Western Australian NRM region. </t>
  </si>
  <si>
    <t xml:space="preserve">Northern Agricultural is a NRM region located in the east of Western Australia. It includes the major town of Geraldton. It includes the local government areas of Carnamah, Chapman Valley, Coorow, Dalwillinu, Gingin, Greater Geraldton, Irwin, Moora, Morawa, Northampton, Perenjori, Three Springs, and parts of Victoria Plans. In total, 129 people who live in this NRM region took part in the 2016 Regional Wellbeing Survey. </t>
  </si>
  <si>
    <t xml:space="preserve">Rangelands is the largest NRM region located in the northern and central parts of Western Australia. It includes the local government areas of Broome, Coolgardie, Derby-West Kimberley, East Pilbara, Halls Creek, Kalgoorlie/Boulder, Karatha, Meekatharra, Menzies, Port Hedland, Shark Bay, Upper Gascoyne, Wyndham-East Kimberleys and Yalgoo. In total, 68 people who live in this NRM region took part in the 2016 Regional Wellbeing Survey. </t>
  </si>
  <si>
    <t xml:space="preserve">South Coast is a NRM region located in the south of Western Australia. It includes the local government areas of Albany, Broomehill-Tambellup, Denmark, Esperance, Gnowangerup, Jerramungup, Platagenet and Ravensthorpe. In total, 292 people who live in this NRM region took part in the 2016 Regional Wellbeing Survey. </t>
  </si>
  <si>
    <t xml:space="preserve">South West is a NRM region located in the south west of Western Australia. It includes the major towns of Bunbury, Margeret River and Manjimup. It includes the local government areas of Augusta-Margaret River, Boyup Brook, Bridgetown-Greenbushes, Bunbury, Busselton, Capel, Collie, Cuballing, Dardanup, Donnybrook-Balingup, Dumbleyung, Harvey, Katanning, Kent, Kojonup, Manjimup, Nannup, Narrogin, Wagin, West Arthur, Williams and Woodanilling. In total, 308 people who live in this NRM region took part in the 2016 Regional Wellbeing Survey. </t>
  </si>
  <si>
    <t xml:space="preserve">Avon is a NRM region located in the east central part of Western Australia. It is situated within the Avon River Basin and includes the local government areas of Brookton, Bruce Rocks, Chittering, Corrigin, Cunderdin, Dowerin, Kent, Kondonin, Kulin, Lake Grace, Merredin, Mount Marshall, Mukinbudin, Mundaring, Narembeen, Northam, Pingelly, Quairading, Tammin, Toodyay, Trayning, Wickepin, Wongan-Ballidu, Wyalkatchem, Yilgarn and York. In total, 177 people who live in this NRM region took part in the 2016 Regional Wellbeing Survey. </t>
  </si>
  <si>
    <t>Rural &amp; Regional Australia</t>
  </si>
  <si>
    <t>Rural &amp; regional Western Australia</t>
  </si>
  <si>
    <t>Northern Agricultural</t>
  </si>
  <si>
    <t>Rangelands</t>
  </si>
  <si>
    <t>South Coast</t>
  </si>
  <si>
    <t>South West</t>
  </si>
  <si>
    <t>Wheatbelt</t>
  </si>
  <si>
    <t xml:space="preserve">You may reproduce the data in this spreadsheet for any purpose, providing you acknowledge the data source. Data should be cited as being sourced from the 2016 Regional Wellbeing Survey, Western Australian Natural Resource Management region data tables, Version 1.01 July 2017. </t>
  </si>
  <si>
    <t xml:space="preserve">Northern Agricultural </t>
  </si>
  <si>
    <t xml:space="preserve">Rangelands </t>
  </si>
  <si>
    <t xml:space="preserve">South Coast </t>
  </si>
  <si>
    <t xml:space="preserve">Wheatbelt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64" formatCode="###0.0%"/>
    <numFmt numFmtId="165" formatCode="###0"/>
    <numFmt numFmtId="166" formatCode="####.0%"/>
    <numFmt numFmtId="167" formatCode="0.0%"/>
    <numFmt numFmtId="168" formatCode="0.0"/>
  </numFmts>
  <fonts count="37">
    <font>
      <sz val="11"/>
      <color theme="1"/>
      <name val="Calibri"/>
      <family val="2"/>
      <scheme val="minor"/>
    </font>
    <font>
      <sz val="10"/>
      <name val="Arial"/>
      <family val="2"/>
    </font>
    <font>
      <sz val="12"/>
      <name val="Calibri"/>
      <family val="2"/>
    </font>
    <font>
      <sz val="10"/>
      <name val="Arial"/>
      <family val="2"/>
    </font>
    <font>
      <sz val="12"/>
      <color indexed="10"/>
      <name val="Calibri"/>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sz val="9"/>
      <color indexed="8"/>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45">
    <xf numFmtId="0" fontId="0" fillId="0" borderId="0"/>
    <xf numFmtId="0" fontId="5" fillId="0" borderId="0" applyNumberFormat="0" applyFill="0" applyBorder="0" applyAlignment="0" applyProtection="0"/>
    <xf numFmtId="0" fontId="1" fillId="0" borderId="0"/>
    <xf numFmtId="0" fontId="1" fillId="0" borderId="0"/>
    <xf numFmtId="0" fontId="3" fillId="0" borderId="0"/>
    <xf numFmtId="0" fontId="3" fillId="0" borderId="0"/>
    <xf numFmtId="0" fontId="1" fillId="0" borderId="0"/>
    <xf numFmtId="0" fontId="1" fillId="0" borderId="0"/>
    <xf numFmtId="0" fontId="3" fillId="0" borderId="0"/>
    <xf numFmtId="0" fontId="1" fillId="0" borderId="0"/>
    <xf numFmtId="0" fontId="1" fillId="0" borderId="0"/>
    <xf numFmtId="0" fontId="3" fillId="0" borderId="0"/>
    <xf numFmtId="0" fontId="1" fillId="0" borderId="0"/>
    <xf numFmtId="0" fontId="1" fillId="0" borderId="0"/>
    <xf numFmtId="0" fontId="3" fillId="0" borderId="0"/>
    <xf numFmtId="0" fontId="3"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1" fillId="0" borderId="0"/>
    <xf numFmtId="0" fontId="3" fillId="0" borderId="0"/>
    <xf numFmtId="0" fontId="3" fillId="0" borderId="0"/>
    <xf numFmtId="0" fontId="1" fillId="0" borderId="0"/>
    <xf numFmtId="0" fontId="3" fillId="0" borderId="0"/>
    <xf numFmtId="0" fontId="3" fillId="0" borderId="0"/>
    <xf numFmtId="0" fontId="1" fillId="0" borderId="0"/>
    <xf numFmtId="0" fontId="3" fillId="0" borderId="0"/>
    <xf numFmtId="0" fontId="1" fillId="0" borderId="0"/>
    <xf numFmtId="0" fontId="3" fillId="0" borderId="0"/>
    <xf numFmtId="0" fontId="3"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3" fillId="0" borderId="0"/>
    <xf numFmtId="0" fontId="3" fillId="0" borderId="0"/>
    <xf numFmtId="0" fontId="1" fillId="0" borderId="0"/>
    <xf numFmtId="0" fontId="34" fillId="0" borderId="0"/>
  </cellStyleXfs>
  <cellXfs count="366">
    <xf numFmtId="0" fontId="0" fillId="0" borderId="0" xfId="0"/>
    <xf numFmtId="0" fontId="0" fillId="0" borderId="0" xfId="0" applyFont="1"/>
    <xf numFmtId="0" fontId="0" fillId="2" borderId="0" xfId="0" applyFill="1"/>
    <xf numFmtId="0" fontId="5" fillId="2" borderId="0" xfId="1" applyFill="1" applyAlignment="1"/>
    <xf numFmtId="0" fontId="8"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9" fillId="2" borderId="0" xfId="0" applyFont="1" applyFill="1" applyAlignment="1"/>
    <xf numFmtId="0" fontId="10" fillId="2" borderId="0" xfId="0" applyFont="1" applyFill="1" applyAlignment="1">
      <alignment horizontal="left"/>
    </xf>
    <xf numFmtId="0" fontId="0" fillId="2" borderId="0" xfId="0" applyFill="1" applyAlignment="1">
      <alignment horizontal="center"/>
    </xf>
    <xf numFmtId="0" fontId="6" fillId="2" borderId="0" xfId="0" applyFont="1" applyFill="1" applyAlignment="1">
      <alignment horizontal="left"/>
    </xf>
    <xf numFmtId="0" fontId="6"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11" fillId="2" borderId="0" xfId="0" applyFont="1" applyFill="1"/>
    <xf numFmtId="0" fontId="0" fillId="2" borderId="0" xfId="0" applyFill="1"/>
    <xf numFmtId="0" fontId="0" fillId="2" borderId="0" xfId="0" applyFill="1"/>
    <xf numFmtId="0" fontId="7" fillId="2" borderId="0" xfId="0" applyFont="1" applyFill="1"/>
    <xf numFmtId="0" fontId="10"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10" fillId="3" borderId="0" xfId="0" applyFont="1" applyFill="1" applyAlignment="1"/>
    <xf numFmtId="0" fontId="11" fillId="3" borderId="0" xfId="0" applyFont="1" applyFill="1" applyAlignment="1"/>
    <xf numFmtId="0" fontId="0" fillId="3" borderId="0" xfId="0" applyFill="1" applyAlignment="1">
      <alignment horizontal="left"/>
    </xf>
    <xf numFmtId="0" fontId="5" fillId="3" borderId="0" xfId="1" applyFill="1"/>
    <xf numFmtId="0" fontId="11" fillId="3" borderId="0" xfId="0" applyFont="1" applyFill="1"/>
    <xf numFmtId="0" fontId="5" fillId="3" borderId="0" xfId="1" applyFill="1" applyAlignment="1">
      <alignment vertical="top" wrapText="1"/>
    </xf>
    <xf numFmtId="1" fontId="12" fillId="3" borderId="0" xfId="0" applyNumberFormat="1" applyFont="1" applyFill="1" applyAlignment="1">
      <alignment horizontal="left"/>
    </xf>
    <xf numFmtId="0" fontId="5" fillId="3" borderId="0" xfId="1" quotePrefix="1" applyFill="1"/>
    <xf numFmtId="1" fontId="5" fillId="3" borderId="0" xfId="1" applyNumberFormat="1" applyFill="1" applyAlignment="1">
      <alignment horizontal="left"/>
    </xf>
    <xf numFmtId="0" fontId="11" fillId="3" borderId="0" xfId="0" applyFont="1" applyFill="1" applyAlignment="1">
      <alignment horizontal="left"/>
    </xf>
    <xf numFmtId="0" fontId="13" fillId="0" borderId="0" xfId="0" applyFont="1"/>
    <xf numFmtId="0" fontId="0" fillId="3" borderId="0" xfId="0" quotePrefix="1" applyFill="1" applyAlignment="1"/>
    <xf numFmtId="0" fontId="0" fillId="3" borderId="0" xfId="0" applyFill="1" applyAlignment="1"/>
    <xf numFmtId="0" fontId="14" fillId="0" borderId="0" xfId="0" applyFont="1"/>
    <xf numFmtId="0" fontId="19" fillId="6" borderId="1" xfId="0" applyFont="1" applyFill="1" applyBorder="1" applyAlignment="1">
      <alignment horizontal="left" vertical="top"/>
    </xf>
    <xf numFmtId="0" fontId="20" fillId="6" borderId="1" xfId="34" applyFont="1" applyFill="1" applyBorder="1" applyAlignment="1">
      <alignment horizontal="left" vertical="top" wrapText="1"/>
    </xf>
    <xf numFmtId="168" fontId="20" fillId="6" borderId="1" xfId="34" applyNumberFormat="1" applyFont="1" applyFill="1" applyBorder="1" applyAlignment="1">
      <alignment horizontal="left" vertical="top" wrapText="1"/>
    </xf>
    <xf numFmtId="168" fontId="21" fillId="6" borderId="1" xfId="34" applyNumberFormat="1" applyFont="1" applyFill="1" applyBorder="1" applyAlignment="1">
      <alignment horizontal="left" vertical="top" wrapText="1"/>
    </xf>
    <xf numFmtId="0" fontId="22" fillId="6" borderId="1" xfId="0" applyFont="1" applyFill="1" applyBorder="1" applyAlignment="1">
      <alignment vertical="center"/>
    </xf>
    <xf numFmtId="0" fontId="23" fillId="6" borderId="1" xfId="17" applyFont="1" applyFill="1" applyBorder="1" applyAlignment="1">
      <alignment horizontal="left" vertical="top" wrapText="1"/>
    </xf>
    <xf numFmtId="168" fontId="23" fillId="6" borderId="1" xfId="34" applyNumberFormat="1" applyFont="1" applyFill="1" applyBorder="1" applyAlignment="1">
      <alignment horizontal="left" vertical="top" wrapText="1"/>
    </xf>
    <xf numFmtId="168" fontId="24" fillId="6" borderId="1" xfId="17" applyNumberFormat="1" applyFont="1" applyFill="1" applyBorder="1" applyAlignment="1">
      <alignment horizontal="left" vertical="top" wrapText="1"/>
    </xf>
    <xf numFmtId="0" fontId="25" fillId="0" borderId="1" xfId="0" applyFont="1" applyBorder="1" applyAlignment="1">
      <alignment horizontal="left" vertical="center" wrapText="1"/>
    </xf>
    <xf numFmtId="165" fontId="22" fillId="0" borderId="1" xfId="17"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4" fillId="0" borderId="1" xfId="17" applyNumberFormat="1" applyFont="1" applyFill="1" applyBorder="1" applyAlignment="1">
      <alignment horizontal="left" vertical="center"/>
    </xf>
    <xf numFmtId="0" fontId="26" fillId="4" borderId="1" xfId="19" applyFont="1" applyFill="1" applyBorder="1" applyAlignment="1">
      <alignment horizontal="left" vertical="center" wrapText="1"/>
    </xf>
    <xf numFmtId="165" fontId="22" fillId="4" borderId="1" xfId="17"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8" fontId="24" fillId="4" borderId="1" xfId="17" applyNumberFormat="1" applyFont="1" applyFill="1" applyBorder="1" applyAlignment="1">
      <alignment horizontal="left" vertical="center"/>
    </xf>
    <xf numFmtId="0" fontId="22" fillId="0" borderId="1" xfId="29" applyFont="1" applyFill="1" applyBorder="1" applyAlignment="1">
      <alignment horizontal="left" vertical="center" wrapText="1"/>
    </xf>
    <xf numFmtId="165" fontId="22"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8" fontId="24" fillId="0" borderId="1" xfId="29" applyNumberFormat="1" applyFont="1" applyFill="1" applyBorder="1" applyAlignment="1">
      <alignment horizontal="left" vertical="center"/>
    </xf>
    <xf numFmtId="0" fontId="26" fillId="0" borderId="1" xfId="19" applyFont="1" applyBorder="1" applyAlignment="1">
      <alignment horizontal="left" vertical="center" wrapText="1"/>
    </xf>
    <xf numFmtId="165" fontId="22"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8" fontId="24" fillId="0" borderId="1" xfId="27" applyNumberFormat="1" applyFont="1" applyFill="1" applyBorder="1" applyAlignment="1">
      <alignment horizontal="left" vertical="center"/>
    </xf>
    <xf numFmtId="165" fontId="22"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8" fontId="24" fillId="4" borderId="1" xfId="27" applyNumberFormat="1" applyFont="1" applyFill="1" applyBorder="1" applyAlignment="1">
      <alignment horizontal="left" vertical="center"/>
    </xf>
    <xf numFmtId="0" fontId="27" fillId="5" borderId="1" xfId="34" quotePrefix="1" applyFont="1" applyFill="1" applyBorder="1" applyAlignment="1">
      <alignment horizontal="left" vertical="top" wrapText="1"/>
    </xf>
    <xf numFmtId="0" fontId="20" fillId="7" borderId="1" xfId="34" applyFont="1" applyFill="1" applyBorder="1" applyAlignment="1">
      <alignment horizontal="left" vertical="top" wrapText="1"/>
    </xf>
    <xf numFmtId="168" fontId="20" fillId="7" borderId="1" xfId="34" applyNumberFormat="1" applyFont="1" applyFill="1" applyBorder="1" applyAlignment="1">
      <alignment horizontal="left" vertical="top" wrapText="1"/>
    </xf>
    <xf numFmtId="168" fontId="21" fillId="7" borderId="1" xfId="34" applyNumberFormat="1" applyFont="1" applyFill="1" applyBorder="1" applyAlignment="1">
      <alignment horizontal="left" vertical="top" wrapText="1"/>
    </xf>
    <xf numFmtId="0" fontId="23" fillId="7" borderId="1" xfId="17" applyFont="1" applyFill="1" applyBorder="1" applyAlignment="1">
      <alignment horizontal="left" vertical="top" wrapText="1"/>
    </xf>
    <xf numFmtId="168" fontId="23" fillId="7" borderId="1" xfId="34" applyNumberFormat="1" applyFont="1" applyFill="1" applyBorder="1" applyAlignment="1">
      <alignment horizontal="left" vertical="top" wrapText="1"/>
    </xf>
    <xf numFmtId="168" fontId="24" fillId="7" borderId="1" xfId="17" applyNumberFormat="1" applyFont="1" applyFill="1" applyBorder="1" applyAlignment="1">
      <alignment horizontal="left" vertical="top" wrapText="1"/>
    </xf>
    <xf numFmtId="165" fontId="22" fillId="0" borderId="1" xfId="39" applyNumberFormat="1" applyFont="1" applyFill="1" applyBorder="1" applyAlignment="1">
      <alignment horizontal="left" vertical="center"/>
    </xf>
    <xf numFmtId="168" fontId="22" fillId="0" borderId="1" xfId="37" applyNumberFormat="1" applyFont="1" applyFill="1" applyBorder="1" applyAlignment="1">
      <alignment horizontal="left" vertical="center"/>
    </xf>
    <xf numFmtId="168" fontId="24" fillId="0" borderId="1" xfId="39" applyNumberFormat="1" applyFont="1" applyFill="1" applyBorder="1" applyAlignment="1">
      <alignment horizontal="left" vertical="center"/>
    </xf>
    <xf numFmtId="165" fontId="22" fillId="4" borderId="1" xfId="39" applyNumberFormat="1" applyFont="1" applyFill="1" applyBorder="1" applyAlignment="1">
      <alignment horizontal="left" vertical="center"/>
    </xf>
    <xf numFmtId="168" fontId="22" fillId="4" borderId="1" xfId="37" applyNumberFormat="1" applyFont="1" applyFill="1" applyBorder="1" applyAlignment="1">
      <alignment horizontal="left" vertical="center"/>
    </xf>
    <xf numFmtId="168" fontId="24" fillId="4" borderId="1" xfId="39" applyNumberFormat="1" applyFont="1" applyFill="1" applyBorder="1" applyAlignment="1">
      <alignment horizontal="left" vertical="center"/>
    </xf>
    <xf numFmtId="165" fontId="22" fillId="0" borderId="1" xfId="36" applyNumberFormat="1" applyFont="1" applyFill="1" applyBorder="1" applyAlignment="1">
      <alignment horizontal="left" vertical="center"/>
    </xf>
    <xf numFmtId="168" fontId="22" fillId="0" borderId="1" xfId="36" applyNumberFormat="1" applyFont="1" applyFill="1" applyBorder="1" applyAlignment="1">
      <alignment horizontal="left" vertical="center"/>
    </xf>
    <xf numFmtId="168" fontId="24" fillId="0" borderId="1" xfId="36" applyNumberFormat="1" applyFont="1" applyFill="1" applyBorder="1" applyAlignment="1">
      <alignment horizontal="left" vertical="center"/>
    </xf>
    <xf numFmtId="165" fontId="22" fillId="4" borderId="1" xfId="36" applyNumberFormat="1" applyFont="1" applyFill="1" applyBorder="1" applyAlignment="1">
      <alignment horizontal="left" vertical="center"/>
    </xf>
    <xf numFmtId="168" fontId="22" fillId="4" borderId="1" xfId="36" applyNumberFormat="1" applyFont="1" applyFill="1" applyBorder="1" applyAlignment="1">
      <alignment horizontal="left" vertical="center"/>
    </xf>
    <xf numFmtId="168" fontId="24" fillId="4" borderId="1" xfId="36" applyNumberFormat="1" applyFont="1" applyFill="1" applyBorder="1" applyAlignment="1">
      <alignment horizontal="left" vertical="center"/>
    </xf>
    <xf numFmtId="165" fontId="22"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8" fontId="24" fillId="0" borderId="1" xfId="30" applyNumberFormat="1" applyFont="1" applyFill="1" applyBorder="1" applyAlignment="1">
      <alignment horizontal="left" vertical="center"/>
    </xf>
    <xf numFmtId="165" fontId="22" fillId="0" borderId="1" xfId="8" applyNumberFormat="1" applyFont="1" applyFill="1" applyBorder="1" applyAlignment="1">
      <alignment horizontal="left" vertical="center"/>
    </xf>
    <xf numFmtId="168" fontId="22" fillId="0" borderId="1" xfId="6" applyNumberFormat="1" applyFont="1" applyFill="1" applyBorder="1" applyAlignment="1">
      <alignment horizontal="left" vertical="center"/>
    </xf>
    <xf numFmtId="168" fontId="24" fillId="0" borderId="1" xfId="40" applyNumberFormat="1" applyFont="1" applyFill="1" applyBorder="1" applyAlignment="1">
      <alignment horizontal="left" vertical="center"/>
    </xf>
    <xf numFmtId="165" fontId="22" fillId="4" borderId="1" xfId="8" applyNumberFormat="1" applyFont="1" applyFill="1" applyBorder="1" applyAlignment="1">
      <alignment horizontal="left" vertical="center"/>
    </xf>
    <xf numFmtId="168" fontId="22" fillId="4" borderId="1" xfId="6" applyNumberFormat="1" applyFont="1" applyFill="1" applyBorder="1" applyAlignment="1">
      <alignment horizontal="left" vertical="center"/>
    </xf>
    <xf numFmtId="168" fontId="24" fillId="4" borderId="1" xfId="40" applyNumberFormat="1" applyFont="1" applyFill="1" applyBorder="1" applyAlignment="1">
      <alignment horizontal="left" vertical="center"/>
    </xf>
    <xf numFmtId="167" fontId="21" fillId="7" borderId="1" xfId="34" applyNumberFormat="1" applyFont="1" applyFill="1" applyBorder="1" applyAlignment="1">
      <alignment horizontal="left" vertical="top" wrapText="1"/>
    </xf>
    <xf numFmtId="167" fontId="21" fillId="6" borderId="1" xfId="34" applyNumberFormat="1" applyFont="1" applyFill="1" applyBorder="1" applyAlignment="1">
      <alignment horizontal="left" vertical="top" wrapText="1"/>
    </xf>
    <xf numFmtId="167" fontId="24" fillId="7" borderId="1" xfId="17" applyNumberFormat="1" applyFont="1" applyFill="1" applyBorder="1" applyAlignment="1">
      <alignment horizontal="left" vertical="top" wrapText="1"/>
    </xf>
    <xf numFmtId="167" fontId="24" fillId="6" borderId="1" xfId="17" applyNumberFormat="1" applyFont="1" applyFill="1" applyBorder="1" applyAlignment="1">
      <alignment horizontal="left" vertical="top" wrapText="1"/>
    </xf>
    <xf numFmtId="165" fontId="22" fillId="0" borderId="1" xfId="7" applyNumberFormat="1" applyFont="1" applyFill="1" applyBorder="1" applyAlignment="1">
      <alignment horizontal="left" vertical="center"/>
    </xf>
    <xf numFmtId="164" fontId="22" fillId="0" borderId="1" xfId="7" applyNumberFormat="1" applyFont="1" applyFill="1" applyBorder="1" applyAlignment="1">
      <alignment horizontal="left" vertical="center"/>
    </xf>
    <xf numFmtId="167" fontId="24" fillId="0" borderId="1" xfId="0" applyNumberFormat="1" applyFont="1" applyFill="1" applyBorder="1" applyAlignment="1">
      <alignment horizontal="left" vertical="center" wrapText="1"/>
    </xf>
    <xf numFmtId="165" fontId="22" fillId="4" borderId="1" xfId="7" applyNumberFormat="1" applyFont="1" applyFill="1" applyBorder="1" applyAlignment="1">
      <alignment horizontal="left" vertical="center"/>
    </xf>
    <xf numFmtId="164" fontId="22" fillId="4" borderId="1" xfId="7" applyNumberFormat="1" applyFont="1" applyFill="1" applyBorder="1" applyAlignment="1">
      <alignment horizontal="left" vertical="center"/>
    </xf>
    <xf numFmtId="167" fontId="24" fillId="4" borderId="1" xfId="0" applyNumberFormat="1" applyFont="1" applyFill="1" applyBorder="1" applyAlignment="1">
      <alignment horizontal="left" vertical="center" wrapText="1"/>
    </xf>
    <xf numFmtId="164" fontId="22" fillId="0" borderId="1" xfId="30" applyNumberFormat="1" applyFont="1" applyFill="1" applyBorder="1" applyAlignment="1">
      <alignment horizontal="left" vertical="center"/>
    </xf>
    <xf numFmtId="166" fontId="22" fillId="0" borderId="1" xfId="7" applyNumberFormat="1" applyFont="1" applyFill="1" applyBorder="1" applyAlignment="1">
      <alignment horizontal="left" vertical="center"/>
    </xf>
    <xf numFmtId="165" fontId="22" fillId="0" borderId="1" xfId="31" applyNumberFormat="1" applyFont="1" applyFill="1" applyBorder="1" applyAlignment="1">
      <alignment horizontal="left" vertical="center"/>
    </xf>
    <xf numFmtId="168" fontId="22" fillId="0" borderId="1" xfId="31" applyNumberFormat="1" applyFont="1" applyFill="1" applyBorder="1" applyAlignment="1">
      <alignment horizontal="left" vertical="center"/>
    </xf>
    <xf numFmtId="168" fontId="24" fillId="0" borderId="1" xfId="31" applyNumberFormat="1" applyFont="1" applyFill="1" applyBorder="1" applyAlignment="1">
      <alignment horizontal="left" vertical="center"/>
    </xf>
    <xf numFmtId="164" fontId="22" fillId="0" borderId="1" xfId="16" applyNumberFormat="1" applyFont="1" applyFill="1" applyBorder="1" applyAlignment="1">
      <alignment horizontal="left" vertical="center"/>
    </xf>
    <xf numFmtId="165" fontId="22" fillId="4" borderId="1" xfId="31" applyNumberFormat="1" applyFont="1" applyFill="1" applyBorder="1" applyAlignment="1">
      <alignment horizontal="left" vertical="center"/>
    </xf>
    <xf numFmtId="168" fontId="22" fillId="4" borderId="1" xfId="31" applyNumberFormat="1" applyFont="1" applyFill="1" applyBorder="1" applyAlignment="1">
      <alignment horizontal="left" vertical="center"/>
    </xf>
    <xf numFmtId="168" fontId="24" fillId="4" borderId="1" xfId="31" applyNumberFormat="1" applyFont="1" applyFill="1" applyBorder="1" applyAlignment="1">
      <alignment horizontal="left" vertical="center"/>
    </xf>
    <xf numFmtId="164" fontId="22" fillId="4" borderId="1" xfId="16" applyNumberFormat="1" applyFont="1" applyFill="1" applyBorder="1" applyAlignment="1">
      <alignment horizontal="left" vertical="center"/>
    </xf>
    <xf numFmtId="0" fontId="27" fillId="5" borderId="1" xfId="31" applyFont="1" applyFill="1" applyBorder="1" applyAlignment="1">
      <alignment vertical="top" wrapText="1"/>
    </xf>
    <xf numFmtId="0" fontId="28" fillId="6" borderId="1" xfId="0" applyFont="1" applyFill="1" applyBorder="1" applyAlignment="1">
      <alignment horizontal="left" vertical="top"/>
    </xf>
    <xf numFmtId="0" fontId="29" fillId="6" borderId="1" xfId="0" applyFont="1" applyFill="1" applyBorder="1" applyAlignment="1">
      <alignment vertical="center"/>
    </xf>
    <xf numFmtId="165" fontId="22" fillId="0" borderId="1" xfId="18" applyNumberFormat="1" applyFont="1" applyFill="1" applyBorder="1" applyAlignment="1">
      <alignment horizontal="left" vertical="center"/>
    </xf>
    <xf numFmtId="164" fontId="22" fillId="0" borderId="1" xfId="18" applyNumberFormat="1" applyFont="1" applyFill="1" applyBorder="1" applyAlignment="1">
      <alignment horizontal="left" vertical="center"/>
    </xf>
    <xf numFmtId="165" fontId="22" fillId="4" borderId="1" xfId="18" applyNumberFormat="1" applyFont="1" applyFill="1" applyBorder="1" applyAlignment="1">
      <alignment horizontal="left" vertical="center"/>
    </xf>
    <xf numFmtId="164" fontId="22" fillId="4" borderId="1" xfId="18" applyNumberFormat="1" applyFont="1" applyFill="1" applyBorder="1" applyAlignment="1">
      <alignment horizontal="left" vertical="center"/>
    </xf>
    <xf numFmtId="0" fontId="30" fillId="4" borderId="1" xfId="19" applyFont="1" applyFill="1" applyBorder="1" applyAlignment="1">
      <alignment horizontal="left" vertical="center" wrapText="1"/>
    </xf>
    <xf numFmtId="0" fontId="30" fillId="0" borderId="1" xfId="19" applyFont="1" applyBorder="1" applyAlignment="1">
      <alignment horizontal="left" vertical="center" wrapText="1"/>
    </xf>
    <xf numFmtId="165" fontId="22" fillId="0" borderId="1" xfId="13" applyNumberFormat="1" applyFont="1" applyFill="1" applyBorder="1" applyAlignment="1">
      <alignment horizontal="left" vertical="center"/>
    </xf>
    <xf numFmtId="168" fontId="22" fillId="0" borderId="1" xfId="13" applyNumberFormat="1" applyFont="1" applyFill="1" applyBorder="1" applyAlignment="1">
      <alignment horizontal="left" vertical="center"/>
    </xf>
    <xf numFmtId="168" fontId="24" fillId="0" borderId="1" xfId="13" applyNumberFormat="1" applyFont="1" applyFill="1" applyBorder="1" applyAlignment="1">
      <alignment horizontal="left" vertical="center"/>
    </xf>
    <xf numFmtId="165" fontId="22"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8" fontId="24" fillId="4" borderId="1" xfId="13" applyNumberFormat="1" applyFont="1" applyFill="1" applyBorder="1" applyAlignment="1">
      <alignment horizontal="left" vertical="center"/>
    </xf>
    <xf numFmtId="165" fontId="22" fillId="0" borderId="1" xfId="0" applyNumberFormat="1" applyFont="1" applyFill="1" applyBorder="1" applyAlignment="1">
      <alignment horizontal="left" vertical="center"/>
    </xf>
    <xf numFmtId="164" fontId="22" fillId="0" borderId="1" xfId="14" applyNumberFormat="1" applyFont="1" applyFill="1" applyBorder="1" applyAlignment="1">
      <alignment horizontal="left" vertical="center"/>
    </xf>
    <xf numFmtId="165" fontId="22" fillId="0" borderId="1" xfId="14" applyNumberFormat="1" applyFont="1" applyFill="1" applyBorder="1" applyAlignment="1">
      <alignment horizontal="left" vertical="center"/>
    </xf>
    <xf numFmtId="165" fontId="22" fillId="4" borderId="1" xfId="0" applyNumberFormat="1" applyFont="1" applyFill="1" applyBorder="1" applyAlignment="1">
      <alignment horizontal="left" vertical="center"/>
    </xf>
    <xf numFmtId="164" fontId="22" fillId="4" borderId="1" xfId="14" applyNumberFormat="1" applyFont="1" applyFill="1" applyBorder="1" applyAlignment="1">
      <alignment horizontal="left" vertical="center"/>
    </xf>
    <xf numFmtId="165" fontId="22" fillId="4" borderId="1" xfId="14" applyNumberFormat="1" applyFont="1" applyFill="1" applyBorder="1" applyAlignment="1">
      <alignment horizontal="left" vertical="center"/>
    </xf>
    <xf numFmtId="166" fontId="22" fillId="4" borderId="1" xfId="14" applyNumberFormat="1" applyFont="1" applyFill="1" applyBorder="1" applyAlignment="1">
      <alignment horizontal="left" vertical="center"/>
    </xf>
    <xf numFmtId="168" fontId="23" fillId="6" borderId="1" xfId="17" applyNumberFormat="1" applyFont="1" applyFill="1" applyBorder="1" applyAlignment="1">
      <alignment horizontal="left" vertical="top" wrapText="1"/>
    </xf>
    <xf numFmtId="165" fontId="22" fillId="0" borderId="1" xfId="33"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4" fillId="0" borderId="1" xfId="0" applyNumberFormat="1" applyFont="1" applyFill="1" applyBorder="1" applyAlignment="1">
      <alignment horizontal="left" vertical="center"/>
    </xf>
    <xf numFmtId="164" fontId="22" fillId="0" borderId="1" xfId="33" applyNumberFormat="1" applyFont="1" applyFill="1" applyBorder="1" applyAlignment="1">
      <alignment horizontal="left" vertical="center"/>
    </xf>
    <xf numFmtId="165" fontId="22" fillId="4"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8" fontId="24" fillId="4" borderId="1" xfId="0" applyNumberFormat="1" applyFont="1" applyFill="1" applyBorder="1" applyAlignment="1">
      <alignment horizontal="left" vertical="center"/>
    </xf>
    <xf numFmtId="164" fontId="22" fillId="4" borderId="1" xfId="33" applyNumberFormat="1" applyFont="1" applyFill="1" applyBorder="1" applyAlignment="1">
      <alignment horizontal="left" vertical="center"/>
    </xf>
    <xf numFmtId="165" fontId="22" fillId="0" borderId="1" xfId="32"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8" fontId="24" fillId="0" borderId="1" xfId="32" applyNumberFormat="1" applyFont="1" applyFill="1" applyBorder="1" applyAlignment="1">
      <alignment horizontal="left" vertical="center"/>
    </xf>
    <xf numFmtId="165" fontId="22" fillId="4" borderId="1" xfId="32"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8" fontId="24" fillId="4" borderId="1" xfId="32" applyNumberFormat="1" applyFont="1" applyFill="1" applyBorder="1" applyAlignment="1">
      <alignment horizontal="left" vertical="center"/>
    </xf>
    <xf numFmtId="165" fontId="22" fillId="0" borderId="1" xfId="5" applyNumberFormat="1" applyFont="1" applyFill="1" applyBorder="1" applyAlignment="1">
      <alignment horizontal="left" vertical="center"/>
    </xf>
    <xf numFmtId="164" fontId="22" fillId="0" borderId="1" xfId="5" applyNumberFormat="1" applyFont="1" applyFill="1" applyBorder="1" applyAlignment="1">
      <alignment horizontal="left" vertical="center"/>
    </xf>
    <xf numFmtId="165" fontId="22" fillId="4" borderId="1" xfId="5" applyNumberFormat="1" applyFont="1" applyFill="1" applyBorder="1" applyAlignment="1">
      <alignment horizontal="left" vertical="center"/>
    </xf>
    <xf numFmtId="164" fontId="22" fillId="4" borderId="1" xfId="5" applyNumberFormat="1" applyFont="1" applyFill="1" applyBorder="1" applyAlignment="1">
      <alignment horizontal="left" vertical="center"/>
    </xf>
    <xf numFmtId="165" fontId="22"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7" fontId="22" fillId="0" borderId="1" xfId="11" applyNumberFormat="1" applyFont="1" applyFill="1" applyBorder="1" applyAlignment="1">
      <alignment horizontal="left" vertical="center"/>
    </xf>
    <xf numFmtId="164" fontId="22" fillId="0" borderId="1" xfId="11" applyNumberFormat="1" applyFont="1" applyFill="1" applyBorder="1" applyAlignment="1">
      <alignment horizontal="left" vertical="center"/>
    </xf>
    <xf numFmtId="165" fontId="22"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7" fontId="22" fillId="4" borderId="1" xfId="11" applyNumberFormat="1" applyFont="1" applyFill="1" applyBorder="1" applyAlignment="1">
      <alignment horizontal="left" vertical="center"/>
    </xf>
    <xf numFmtId="164" fontId="22" fillId="4" borderId="1" xfId="11" applyNumberFormat="1" applyFont="1" applyFill="1" applyBorder="1" applyAlignment="1">
      <alignment horizontal="left" vertical="center"/>
    </xf>
    <xf numFmtId="165" fontId="22" fillId="0" borderId="1" xfId="15"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168" fontId="24" fillId="0" borderId="1" xfId="15" applyNumberFormat="1" applyFont="1" applyFill="1" applyBorder="1" applyAlignment="1">
      <alignment horizontal="left" vertical="center"/>
    </xf>
    <xf numFmtId="164" fontId="22" fillId="0" borderId="1" xfId="15" applyNumberFormat="1" applyFont="1" applyFill="1" applyBorder="1" applyAlignment="1">
      <alignment horizontal="left" vertical="center"/>
    </xf>
    <xf numFmtId="165" fontId="22" fillId="4" borderId="1" xfId="15"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168" fontId="24" fillId="4" borderId="1" xfId="15" applyNumberFormat="1" applyFont="1" applyFill="1" applyBorder="1" applyAlignment="1">
      <alignment horizontal="left" vertical="center"/>
    </xf>
    <xf numFmtId="164" fontId="22" fillId="4" borderId="1" xfId="15" applyNumberFormat="1" applyFont="1" applyFill="1" applyBorder="1" applyAlignment="1">
      <alignment horizontal="left" vertical="center"/>
    </xf>
    <xf numFmtId="165" fontId="22" fillId="0" borderId="1" xfId="28" applyNumberFormat="1" applyFont="1" applyFill="1" applyBorder="1" applyAlignment="1">
      <alignment horizontal="left" vertical="center"/>
    </xf>
    <xf numFmtId="168" fontId="22" fillId="0" borderId="1" xfId="42" applyNumberFormat="1" applyFont="1" applyFill="1" applyBorder="1" applyAlignment="1">
      <alignment horizontal="left" vertical="center"/>
    </xf>
    <xf numFmtId="168" fontId="24" fillId="0" borderId="1" xfId="28" applyNumberFormat="1" applyFont="1" applyFill="1" applyBorder="1" applyAlignment="1">
      <alignment horizontal="left" vertical="center"/>
    </xf>
    <xf numFmtId="165" fontId="22" fillId="4" borderId="1" xfId="28" applyNumberFormat="1" applyFont="1" applyFill="1" applyBorder="1" applyAlignment="1">
      <alignment horizontal="left" vertical="center"/>
    </xf>
    <xf numFmtId="168" fontId="22" fillId="4" borderId="1" xfId="42" applyNumberFormat="1" applyFont="1" applyFill="1" applyBorder="1" applyAlignment="1">
      <alignment horizontal="left" vertical="center"/>
    </xf>
    <xf numFmtId="168" fontId="24" fillId="4" borderId="1" xfId="28" applyNumberFormat="1" applyFont="1" applyFill="1" applyBorder="1" applyAlignment="1">
      <alignment horizontal="left" vertical="center"/>
    </xf>
    <xf numFmtId="164" fontId="22" fillId="0" borderId="1" xfId="28" applyNumberFormat="1" applyFont="1" applyFill="1" applyBorder="1" applyAlignment="1">
      <alignment horizontal="left" vertical="center"/>
    </xf>
    <xf numFmtId="164" fontId="22" fillId="4" borderId="1" xfId="28" applyNumberFormat="1" applyFont="1" applyFill="1" applyBorder="1" applyAlignment="1">
      <alignment horizontal="left" vertical="center"/>
    </xf>
    <xf numFmtId="165" fontId="22" fillId="0" borderId="1" xfId="4" applyNumberFormat="1" applyFont="1" applyFill="1" applyBorder="1" applyAlignment="1">
      <alignment horizontal="left" vertical="center"/>
    </xf>
    <xf numFmtId="168" fontId="22" fillId="0" borderId="1" xfId="4" applyNumberFormat="1" applyFont="1" applyFill="1" applyBorder="1" applyAlignment="1">
      <alignment horizontal="left" vertical="center"/>
    </xf>
    <xf numFmtId="168" fontId="24" fillId="0" borderId="1" xfId="4" applyNumberFormat="1" applyFont="1" applyFill="1" applyBorder="1" applyAlignment="1">
      <alignment horizontal="left" vertical="center"/>
    </xf>
    <xf numFmtId="165" fontId="22" fillId="4" borderId="1" xfId="4" applyNumberFormat="1" applyFont="1" applyFill="1" applyBorder="1" applyAlignment="1">
      <alignment horizontal="left" vertical="center"/>
    </xf>
    <xf numFmtId="168" fontId="22" fillId="4" borderId="1" xfId="4" applyNumberFormat="1" applyFont="1" applyFill="1" applyBorder="1" applyAlignment="1">
      <alignment horizontal="left" vertical="center"/>
    </xf>
    <xf numFmtId="168" fontId="24" fillId="4" borderId="1" xfId="4" applyNumberFormat="1" applyFont="1" applyFill="1" applyBorder="1" applyAlignment="1">
      <alignment horizontal="left" vertical="center"/>
    </xf>
    <xf numFmtId="165" fontId="22" fillId="0" borderId="1" xfId="41" applyNumberFormat="1" applyFont="1" applyFill="1" applyBorder="1" applyAlignment="1">
      <alignment horizontal="left" vertical="center"/>
    </xf>
    <xf numFmtId="164" fontId="22" fillId="0" borderId="1" xfId="41" applyNumberFormat="1" applyFont="1" applyFill="1" applyBorder="1" applyAlignment="1">
      <alignment horizontal="left" vertical="center"/>
    </xf>
    <xf numFmtId="165" fontId="22" fillId="4" borderId="1" xfId="41" applyNumberFormat="1" applyFont="1" applyFill="1" applyBorder="1" applyAlignment="1">
      <alignment horizontal="left" vertical="center"/>
    </xf>
    <xf numFmtId="164" fontId="22" fillId="4" borderId="1" xfId="41" applyNumberFormat="1" applyFont="1" applyFill="1" applyBorder="1" applyAlignment="1">
      <alignment horizontal="left" vertical="center"/>
    </xf>
    <xf numFmtId="164" fontId="22" fillId="0" borderId="1" xfId="29" applyNumberFormat="1" applyFont="1" applyFill="1" applyBorder="1" applyAlignment="1">
      <alignment horizontal="left" vertical="center"/>
    </xf>
    <xf numFmtId="165" fontId="22" fillId="0" borderId="1" xfId="40" applyNumberFormat="1" applyFont="1" applyFill="1" applyBorder="1" applyAlignment="1">
      <alignment horizontal="left" vertical="center"/>
    </xf>
    <xf numFmtId="168" fontId="22" fillId="0" borderId="1" xfId="40" applyNumberFormat="1" applyFont="1" applyFill="1" applyBorder="1" applyAlignment="1">
      <alignment horizontal="left" vertical="center"/>
    </xf>
    <xf numFmtId="165" fontId="22" fillId="4" borderId="1" xfId="40" applyNumberFormat="1" applyFont="1" applyFill="1" applyBorder="1" applyAlignment="1">
      <alignment horizontal="left" vertical="center"/>
    </xf>
    <xf numFmtId="168" fontId="22" fillId="4" borderId="1" xfId="40" applyNumberFormat="1" applyFont="1" applyFill="1" applyBorder="1" applyAlignment="1">
      <alignment horizontal="left" vertical="center"/>
    </xf>
    <xf numFmtId="164" fontId="22" fillId="0" borderId="1" xfId="40" applyNumberFormat="1" applyFont="1" applyFill="1" applyBorder="1" applyAlignment="1">
      <alignment horizontal="left" vertical="center"/>
    </xf>
    <xf numFmtId="164" fontId="22" fillId="4" borderId="1" xfId="40" applyNumberFormat="1" applyFont="1" applyFill="1" applyBorder="1" applyAlignment="1">
      <alignment horizontal="left" vertical="center"/>
    </xf>
    <xf numFmtId="165" fontId="22" fillId="0" borderId="1" xfId="9" applyNumberFormat="1" applyFont="1" applyFill="1" applyBorder="1" applyAlignment="1">
      <alignment horizontal="left" vertical="center"/>
    </xf>
    <xf numFmtId="168" fontId="22" fillId="0" borderId="1" xfId="9" applyNumberFormat="1" applyFont="1" applyFill="1" applyBorder="1" applyAlignment="1">
      <alignment horizontal="left" vertical="center"/>
    </xf>
    <xf numFmtId="165" fontId="22" fillId="4" borderId="1" xfId="9" applyNumberFormat="1" applyFont="1" applyFill="1" applyBorder="1" applyAlignment="1">
      <alignment horizontal="left" vertical="center"/>
    </xf>
    <xf numFmtId="168" fontId="22" fillId="4" borderId="1" xfId="9" applyNumberFormat="1" applyFont="1" applyFill="1" applyBorder="1" applyAlignment="1">
      <alignment horizontal="left" vertical="center"/>
    </xf>
    <xf numFmtId="165" fontId="22" fillId="0" borderId="1" xfId="34" applyNumberFormat="1" applyFont="1" applyFill="1" applyBorder="1" applyAlignment="1">
      <alignment horizontal="left" vertical="center"/>
    </xf>
    <xf numFmtId="164" fontId="22" fillId="0" borderId="1" xfId="34" applyNumberFormat="1" applyFont="1" applyFill="1" applyBorder="1" applyAlignment="1">
      <alignment horizontal="left" vertical="center"/>
    </xf>
    <xf numFmtId="164" fontId="22" fillId="0" borderId="1" xfId="9" applyNumberFormat="1" applyFont="1" applyFill="1" applyBorder="1" applyAlignment="1">
      <alignment horizontal="left" vertical="center"/>
    </xf>
    <xf numFmtId="165" fontId="22" fillId="4" borderId="1" xfId="34" applyNumberFormat="1" applyFont="1" applyFill="1" applyBorder="1" applyAlignment="1">
      <alignment horizontal="left" vertical="center"/>
    </xf>
    <xf numFmtId="164" fontId="22" fillId="4" borderId="1" xfId="34" applyNumberFormat="1" applyFont="1" applyFill="1" applyBorder="1" applyAlignment="1">
      <alignment horizontal="left" vertical="center"/>
    </xf>
    <xf numFmtId="164" fontId="22" fillId="4" borderId="1" xfId="9" applyNumberFormat="1" applyFont="1" applyFill="1" applyBorder="1" applyAlignment="1">
      <alignment horizontal="left" vertical="center"/>
    </xf>
    <xf numFmtId="165" fontId="22" fillId="0" borderId="1" xfId="10" applyNumberFormat="1" applyFont="1" applyFill="1" applyBorder="1" applyAlignment="1">
      <alignment horizontal="left" vertical="center"/>
    </xf>
    <xf numFmtId="168" fontId="22" fillId="0" borderId="1" xfId="10" applyNumberFormat="1" applyFont="1" applyFill="1" applyBorder="1" applyAlignment="1">
      <alignment horizontal="left" vertical="center"/>
    </xf>
    <xf numFmtId="165" fontId="22"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2" fillId="0" borderId="1" xfId="10" applyNumberFormat="1" applyFont="1" applyFill="1" applyBorder="1" applyAlignment="1">
      <alignment horizontal="left" vertical="center"/>
    </xf>
    <xf numFmtId="164" fontId="22" fillId="4" borderId="1" xfId="10" applyNumberFormat="1" applyFont="1" applyFill="1" applyBorder="1" applyAlignment="1">
      <alignment horizontal="left" vertical="center"/>
    </xf>
    <xf numFmtId="165" fontId="22" fillId="0" borderId="1" xfId="12" applyNumberFormat="1" applyFont="1" applyFill="1" applyBorder="1" applyAlignment="1">
      <alignment horizontal="left" vertical="center"/>
    </xf>
    <xf numFmtId="168" fontId="22" fillId="0" borderId="1" xfId="12" applyNumberFormat="1" applyFont="1" applyFill="1" applyBorder="1" applyAlignment="1">
      <alignment horizontal="left" vertical="center"/>
    </xf>
    <xf numFmtId="168" fontId="24" fillId="0" borderId="1" xfId="12" applyNumberFormat="1" applyFont="1" applyFill="1" applyBorder="1" applyAlignment="1">
      <alignment horizontal="left" vertical="center"/>
    </xf>
    <xf numFmtId="165" fontId="22" fillId="4" borderId="1" xfId="12" applyNumberFormat="1" applyFont="1" applyFill="1" applyBorder="1" applyAlignment="1">
      <alignment horizontal="left" vertical="center"/>
    </xf>
    <xf numFmtId="168" fontId="22" fillId="4" borderId="1" xfId="12" applyNumberFormat="1" applyFont="1" applyFill="1" applyBorder="1" applyAlignment="1">
      <alignment horizontal="left" vertical="center"/>
    </xf>
    <xf numFmtId="168" fontId="24" fillId="4" borderId="1" xfId="12" applyNumberFormat="1" applyFont="1" applyFill="1" applyBorder="1" applyAlignment="1">
      <alignment horizontal="left" vertical="center"/>
    </xf>
    <xf numFmtId="164" fontId="22" fillId="0" borderId="1" xfId="12" applyNumberFormat="1" applyFont="1" applyFill="1" applyBorder="1" applyAlignment="1">
      <alignment horizontal="left" vertical="center"/>
    </xf>
    <xf numFmtId="164" fontId="22" fillId="4" borderId="1" xfId="12" applyNumberFormat="1" applyFont="1" applyFill="1" applyBorder="1" applyAlignment="1">
      <alignment horizontal="left" vertical="center"/>
    </xf>
    <xf numFmtId="165" fontId="22" fillId="0" borderId="1" xfId="43" applyNumberFormat="1" applyFont="1" applyFill="1" applyBorder="1" applyAlignment="1">
      <alignment horizontal="left" vertical="center"/>
    </xf>
    <xf numFmtId="164" fontId="22" fillId="0" borderId="1" xfId="43" applyNumberFormat="1" applyFont="1" applyFill="1" applyBorder="1" applyAlignment="1">
      <alignment horizontal="left" vertical="center"/>
    </xf>
    <xf numFmtId="165" fontId="22" fillId="4" borderId="1" xfId="43" applyNumberFormat="1" applyFont="1" applyFill="1" applyBorder="1" applyAlignment="1">
      <alignment horizontal="left" vertical="center"/>
    </xf>
    <xf numFmtId="164" fontId="22" fillId="4" borderId="1" xfId="43" applyNumberFormat="1" applyFont="1" applyFill="1" applyBorder="1" applyAlignment="1">
      <alignment horizontal="left" vertical="center"/>
    </xf>
    <xf numFmtId="165" fontId="22" fillId="0" borderId="1" xfId="3" applyNumberFormat="1" applyFont="1" applyFill="1" applyBorder="1" applyAlignment="1">
      <alignment horizontal="left" vertical="center"/>
    </xf>
    <xf numFmtId="168" fontId="22" fillId="0" borderId="1" xfId="35" applyNumberFormat="1" applyFont="1" applyFill="1" applyBorder="1" applyAlignment="1">
      <alignment horizontal="left" vertical="center"/>
    </xf>
    <xf numFmtId="165" fontId="22" fillId="4" borderId="1" xfId="3" applyNumberFormat="1" applyFont="1" applyFill="1" applyBorder="1" applyAlignment="1">
      <alignment horizontal="left" vertical="center"/>
    </xf>
    <xf numFmtId="168" fontId="22" fillId="4" borderId="1" xfId="35" applyNumberFormat="1" applyFont="1" applyFill="1" applyBorder="1" applyAlignment="1">
      <alignment horizontal="left" vertical="center"/>
    </xf>
    <xf numFmtId="164" fontId="22" fillId="0" borderId="1" xfId="3" applyNumberFormat="1" applyFont="1" applyFill="1" applyBorder="1" applyAlignment="1">
      <alignment horizontal="left" vertical="center"/>
    </xf>
    <xf numFmtId="164" fontId="22" fillId="4" borderId="1" xfId="3" applyNumberFormat="1" applyFont="1" applyFill="1" applyBorder="1" applyAlignment="1">
      <alignment horizontal="left" vertical="center"/>
    </xf>
    <xf numFmtId="165" fontId="22" fillId="0" borderId="1" xfId="38" applyNumberFormat="1" applyFont="1" applyFill="1" applyBorder="1" applyAlignment="1">
      <alignment horizontal="left" vertical="center"/>
    </xf>
    <xf numFmtId="168" fontId="22" fillId="0" borderId="1" xfId="38" applyNumberFormat="1" applyFont="1" applyFill="1" applyBorder="1" applyAlignment="1">
      <alignment horizontal="left" vertical="center"/>
    </xf>
    <xf numFmtId="168" fontId="24" fillId="0" borderId="1" xfId="22" applyNumberFormat="1" applyFont="1" applyFill="1" applyBorder="1" applyAlignment="1">
      <alignment horizontal="left" vertical="center"/>
    </xf>
    <xf numFmtId="165" fontId="22" fillId="4" borderId="1" xfId="38" applyNumberFormat="1" applyFont="1" applyFill="1" applyBorder="1" applyAlignment="1">
      <alignment horizontal="left" vertical="center"/>
    </xf>
    <xf numFmtId="168" fontId="22" fillId="4" borderId="1" xfId="38" applyNumberFormat="1" applyFont="1" applyFill="1" applyBorder="1" applyAlignment="1">
      <alignment horizontal="left" vertical="center"/>
    </xf>
    <xf numFmtId="168" fontId="24" fillId="4" borderId="1" xfId="22" applyNumberFormat="1" applyFont="1" applyFill="1" applyBorder="1" applyAlignment="1">
      <alignment horizontal="left" vertical="center"/>
    </xf>
    <xf numFmtId="164" fontId="22" fillId="0" borderId="1" xfId="38" applyNumberFormat="1" applyFont="1" applyFill="1" applyBorder="1" applyAlignment="1">
      <alignment horizontal="left" vertical="center"/>
    </xf>
    <xf numFmtId="164" fontId="22" fillId="4" borderId="1" xfId="38" applyNumberFormat="1" applyFont="1" applyFill="1" applyBorder="1" applyAlignment="1">
      <alignment horizontal="left" vertical="center"/>
    </xf>
    <xf numFmtId="166" fontId="22" fillId="4" borderId="1" xfId="38" applyNumberFormat="1" applyFont="1" applyFill="1" applyBorder="1" applyAlignment="1">
      <alignment horizontal="left" vertical="center"/>
    </xf>
    <xf numFmtId="166" fontId="22" fillId="0" borderId="1" xfId="38" applyNumberFormat="1" applyFont="1" applyFill="1" applyBorder="1" applyAlignment="1">
      <alignment horizontal="left" vertical="center"/>
    </xf>
    <xf numFmtId="165" fontId="22"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5" fontId="22" fillId="4" borderId="1" xfId="25" applyNumberFormat="1" applyFont="1" applyFill="1" applyBorder="1" applyAlignment="1">
      <alignment horizontal="left" vertical="center"/>
    </xf>
    <xf numFmtId="168" fontId="22" fillId="4" borderId="1" xfId="25" applyNumberFormat="1" applyFont="1" applyFill="1" applyBorder="1" applyAlignment="1">
      <alignment horizontal="left" vertical="center"/>
    </xf>
    <xf numFmtId="164" fontId="22" fillId="0" borderId="1" xfId="25" applyNumberFormat="1" applyFont="1" applyFill="1" applyBorder="1" applyAlignment="1">
      <alignment horizontal="left" vertical="center"/>
    </xf>
    <xf numFmtId="164" fontId="22" fillId="4" borderId="1" xfId="25" applyNumberFormat="1" applyFont="1" applyFill="1" applyBorder="1" applyAlignment="1">
      <alignment horizontal="left" vertical="center"/>
    </xf>
    <xf numFmtId="165" fontId="22"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168" fontId="24" fillId="0" borderId="1" xfId="24" applyNumberFormat="1" applyFont="1" applyFill="1" applyBorder="1" applyAlignment="1">
      <alignment horizontal="left" vertical="center"/>
    </xf>
    <xf numFmtId="165" fontId="22" fillId="4" borderId="1" xfId="24" applyNumberFormat="1" applyFont="1" applyFill="1" applyBorder="1" applyAlignment="1">
      <alignment horizontal="left" vertical="center"/>
    </xf>
    <xf numFmtId="168" fontId="22" fillId="4" borderId="1" xfId="24" applyNumberFormat="1" applyFont="1" applyFill="1" applyBorder="1" applyAlignment="1">
      <alignment horizontal="left" vertical="center"/>
    </xf>
    <xf numFmtId="168" fontId="24" fillId="4" borderId="1" xfId="24" applyNumberFormat="1" applyFont="1" applyFill="1" applyBorder="1" applyAlignment="1">
      <alignment horizontal="left" vertical="center"/>
    </xf>
    <xf numFmtId="164" fontId="22" fillId="0" borderId="1" xfId="24" applyNumberFormat="1" applyFont="1" applyFill="1" applyBorder="1" applyAlignment="1">
      <alignment horizontal="left" vertical="center"/>
    </xf>
    <xf numFmtId="164" fontId="22" fillId="4" borderId="1" xfId="24" applyNumberFormat="1" applyFont="1" applyFill="1" applyBorder="1" applyAlignment="1">
      <alignment horizontal="left" vertical="center"/>
    </xf>
    <xf numFmtId="165" fontId="22" fillId="0" borderId="1" xfId="21" applyNumberFormat="1" applyFont="1" applyFill="1" applyBorder="1" applyAlignment="1">
      <alignment horizontal="left" vertical="center"/>
    </xf>
    <xf numFmtId="168" fontId="22" fillId="0" borderId="1" xfId="21" applyNumberFormat="1" applyFont="1" applyFill="1" applyBorder="1" applyAlignment="1">
      <alignment horizontal="left" vertical="center"/>
    </xf>
    <xf numFmtId="168" fontId="24" fillId="0" borderId="1" xfId="21" applyNumberFormat="1" applyFont="1" applyFill="1" applyBorder="1" applyAlignment="1">
      <alignment horizontal="left" vertical="center"/>
    </xf>
    <xf numFmtId="165" fontId="22" fillId="4" borderId="1" xfId="21" applyNumberFormat="1" applyFont="1" applyFill="1" applyBorder="1" applyAlignment="1">
      <alignment horizontal="left" vertical="center"/>
    </xf>
    <xf numFmtId="168" fontId="22" fillId="4" borderId="1" xfId="21" applyNumberFormat="1" applyFont="1" applyFill="1" applyBorder="1" applyAlignment="1">
      <alignment horizontal="left" vertical="center"/>
    </xf>
    <xf numFmtId="168" fontId="24" fillId="4" borderId="1" xfId="21" applyNumberFormat="1" applyFont="1" applyFill="1" applyBorder="1" applyAlignment="1">
      <alignment horizontal="left" vertical="center"/>
    </xf>
    <xf numFmtId="164" fontId="22" fillId="0" borderId="1" xfId="21" applyNumberFormat="1" applyFont="1" applyFill="1" applyBorder="1" applyAlignment="1">
      <alignment horizontal="left" vertical="center"/>
    </xf>
    <xf numFmtId="164" fontId="22" fillId="4" borderId="1" xfId="21" applyNumberFormat="1" applyFont="1" applyFill="1" applyBorder="1" applyAlignment="1">
      <alignment horizontal="left" vertical="center"/>
    </xf>
    <xf numFmtId="165" fontId="22"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8" fontId="24" fillId="0" borderId="1" xfId="26" applyNumberFormat="1" applyFont="1" applyFill="1" applyBorder="1" applyAlignment="1">
      <alignment horizontal="left" vertical="center"/>
    </xf>
    <xf numFmtId="165" fontId="22"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8" fontId="24" fillId="4" borderId="1" xfId="26" applyNumberFormat="1" applyFont="1" applyFill="1" applyBorder="1" applyAlignment="1">
      <alignment horizontal="left" vertical="center"/>
    </xf>
    <xf numFmtId="164" fontId="22" fillId="0" borderId="1" xfId="26" applyNumberFormat="1" applyFont="1" applyFill="1" applyBorder="1" applyAlignment="1">
      <alignment horizontal="left" vertical="center"/>
    </xf>
    <xf numFmtId="164" fontId="22" fillId="4" borderId="1" xfId="26" applyNumberFormat="1" applyFont="1" applyFill="1" applyBorder="1" applyAlignment="1">
      <alignment horizontal="left" vertical="center"/>
    </xf>
    <xf numFmtId="165" fontId="22" fillId="0" borderId="1" xfId="20" applyNumberFormat="1" applyFont="1" applyFill="1" applyBorder="1" applyAlignment="1">
      <alignment horizontal="left" vertical="center"/>
    </xf>
    <xf numFmtId="168" fontId="22" fillId="0" borderId="1" xfId="20" applyNumberFormat="1" applyFont="1" applyFill="1" applyBorder="1" applyAlignment="1">
      <alignment horizontal="left" vertical="center"/>
    </xf>
    <xf numFmtId="168" fontId="24" fillId="0" borderId="1" xfId="20" applyNumberFormat="1" applyFont="1" applyFill="1" applyBorder="1" applyAlignment="1">
      <alignment horizontal="left" vertical="center"/>
    </xf>
    <xf numFmtId="165" fontId="22"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8" fontId="24" fillId="4" borderId="1" xfId="20" applyNumberFormat="1" applyFont="1" applyFill="1" applyBorder="1" applyAlignment="1">
      <alignment horizontal="left" vertical="center"/>
    </xf>
    <xf numFmtId="164" fontId="22" fillId="0" borderId="1" xfId="20" applyNumberFormat="1" applyFont="1" applyFill="1" applyBorder="1" applyAlignment="1">
      <alignment horizontal="left" vertical="center"/>
    </xf>
    <xf numFmtId="164" fontId="22" fillId="4" borderId="1" xfId="20" applyNumberFormat="1" applyFont="1" applyFill="1" applyBorder="1" applyAlignment="1">
      <alignment horizontal="left" vertical="center"/>
    </xf>
    <xf numFmtId="165" fontId="22" fillId="0" borderId="1" xfId="23" applyNumberFormat="1" applyFont="1" applyFill="1" applyBorder="1" applyAlignment="1">
      <alignment horizontal="left" vertical="center"/>
    </xf>
    <xf numFmtId="168" fontId="22" fillId="0" borderId="1" xfId="23" applyNumberFormat="1" applyFont="1" applyFill="1" applyBorder="1" applyAlignment="1">
      <alignment horizontal="left" vertical="center"/>
    </xf>
    <xf numFmtId="168" fontId="24" fillId="0" borderId="1" xfId="23" applyNumberFormat="1" applyFont="1" applyFill="1" applyBorder="1" applyAlignment="1">
      <alignment horizontal="left" vertical="center"/>
    </xf>
    <xf numFmtId="165" fontId="22" fillId="4" borderId="1" xfId="23"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8" fontId="24" fillId="4" borderId="1" xfId="23" applyNumberFormat="1" applyFont="1" applyFill="1" applyBorder="1" applyAlignment="1">
      <alignment horizontal="left" vertical="center"/>
    </xf>
    <xf numFmtId="164" fontId="22" fillId="0" borderId="1" xfId="23" applyNumberFormat="1" applyFont="1" applyFill="1" applyBorder="1" applyAlignment="1">
      <alignment horizontal="left" vertical="center"/>
    </xf>
    <xf numFmtId="164" fontId="22" fillId="4" borderId="1" xfId="23" applyNumberFormat="1" applyFont="1" applyFill="1" applyBorder="1" applyAlignment="1">
      <alignment horizontal="left" vertical="center"/>
    </xf>
    <xf numFmtId="165" fontId="22" fillId="0" borderId="1" xfId="29" applyNumberFormat="1" applyFont="1" applyFill="1" applyBorder="1" applyAlignment="1">
      <alignment horizontal="left" vertical="center" wrapText="1"/>
    </xf>
    <xf numFmtId="166" fontId="22" fillId="0" borderId="1" xfId="23" applyNumberFormat="1" applyFont="1" applyFill="1" applyBorder="1" applyAlignment="1">
      <alignment horizontal="left" vertical="center"/>
    </xf>
    <xf numFmtId="165" fontId="22" fillId="0" borderId="1" xfId="19" applyNumberFormat="1" applyFont="1" applyFill="1" applyBorder="1" applyAlignment="1">
      <alignment horizontal="left" vertical="center"/>
    </xf>
    <xf numFmtId="168" fontId="22" fillId="0" borderId="1" xfId="19" applyNumberFormat="1" applyFont="1" applyFill="1" applyBorder="1" applyAlignment="1">
      <alignment horizontal="left" vertical="center"/>
    </xf>
    <xf numFmtId="168" fontId="24" fillId="0" borderId="1" xfId="19" applyNumberFormat="1" applyFont="1" applyFill="1" applyBorder="1" applyAlignment="1">
      <alignment horizontal="left" vertical="center"/>
    </xf>
    <xf numFmtId="165" fontId="22" fillId="4" borderId="1" xfId="19" applyNumberFormat="1" applyFont="1" applyFill="1" applyBorder="1" applyAlignment="1">
      <alignment horizontal="left" vertical="center"/>
    </xf>
    <xf numFmtId="168" fontId="22" fillId="4" borderId="1" xfId="19" applyNumberFormat="1" applyFont="1" applyFill="1" applyBorder="1" applyAlignment="1">
      <alignment horizontal="left" vertical="center"/>
    </xf>
    <xf numFmtId="168" fontId="24" fillId="4" borderId="1" xfId="19" applyNumberFormat="1" applyFont="1" applyFill="1" applyBorder="1" applyAlignment="1">
      <alignment horizontal="left" vertical="center"/>
    </xf>
    <xf numFmtId="164" fontId="22" fillId="0" borderId="1" xfId="19" applyNumberFormat="1" applyFont="1" applyFill="1" applyBorder="1" applyAlignment="1">
      <alignment horizontal="left" vertical="center"/>
    </xf>
    <xf numFmtId="164" fontId="22" fillId="4" borderId="1" xfId="19" applyNumberFormat="1" applyFont="1" applyFill="1" applyBorder="1" applyAlignment="1">
      <alignment horizontal="left" vertical="center"/>
    </xf>
    <xf numFmtId="0" fontId="29" fillId="2" borderId="0" xfId="0" applyFont="1" applyFill="1" applyAlignment="1">
      <alignment wrapText="1"/>
    </xf>
    <xf numFmtId="0" fontId="7"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10" fillId="3" borderId="0" xfId="0" applyFont="1" applyFill="1" applyAlignment="1">
      <alignment horizontal="left"/>
    </xf>
    <xf numFmtId="0" fontId="7" fillId="3" borderId="0" xfId="0" applyFont="1" applyFill="1" applyAlignment="1">
      <alignment vertical="center" wrapText="1"/>
    </xf>
    <xf numFmtId="0" fontId="7" fillId="3" borderId="0" xfId="0" applyFont="1" applyFill="1" applyAlignment="1">
      <alignment horizontal="left" wrapText="1"/>
    </xf>
    <xf numFmtId="0" fontId="7" fillId="3" borderId="0" xfId="0" applyFont="1" applyFill="1" applyBorder="1" applyAlignment="1">
      <alignment wrapText="1"/>
    </xf>
    <xf numFmtId="0" fontId="31" fillId="3" borderId="0" xfId="0" applyFont="1" applyFill="1" applyAlignment="1">
      <alignment wrapText="1"/>
    </xf>
    <xf numFmtId="0" fontId="32" fillId="2" borderId="0" xfId="0" applyFont="1" applyFill="1"/>
    <xf numFmtId="0" fontId="17" fillId="0" borderId="0" xfId="2" applyFont="1" applyFill="1" applyBorder="1" applyAlignment="1">
      <alignment vertical="top" wrapText="1"/>
    </xf>
    <xf numFmtId="0" fontId="16" fillId="0" borderId="0" xfId="0" applyFont="1" applyFill="1" applyBorder="1" applyAlignment="1">
      <alignment vertical="top"/>
    </xf>
    <xf numFmtId="0" fontId="0" fillId="0" borderId="0" xfId="0" applyFont="1" applyFill="1"/>
    <xf numFmtId="0" fontId="31" fillId="0" borderId="0" xfId="0" applyFont="1"/>
    <xf numFmtId="0" fontId="17" fillId="0" borderId="0" xfId="5" quotePrefix="1" applyFont="1" applyFill="1" applyBorder="1" applyAlignment="1">
      <alignment vertical="top" wrapText="1"/>
    </xf>
    <xf numFmtId="0" fontId="35" fillId="3" borderId="0" xfId="1" applyFont="1" applyFill="1" applyAlignment="1">
      <alignment horizontal="left"/>
    </xf>
    <xf numFmtId="0" fontId="35" fillId="3" borderId="0" xfId="1" applyFont="1" applyFill="1"/>
    <xf numFmtId="0" fontId="35" fillId="3" borderId="0" xfId="1" quotePrefix="1" applyFont="1" applyFill="1"/>
    <xf numFmtId="1" fontId="35" fillId="3" borderId="0" xfId="1" applyNumberFormat="1" applyFont="1" applyFill="1" applyAlignment="1">
      <alignment horizontal="left"/>
    </xf>
    <xf numFmtId="0" fontId="36" fillId="3" borderId="0" xfId="0" applyFont="1" applyFill="1" applyAlignment="1">
      <alignment horizontal="left" wrapText="1"/>
    </xf>
    <xf numFmtId="0" fontId="28" fillId="3" borderId="0" xfId="0" applyFont="1" applyFill="1" applyAlignment="1">
      <alignment horizontal="left" wrapText="1"/>
    </xf>
    <xf numFmtId="0" fontId="29" fillId="3" borderId="0" xfId="0" applyFont="1" applyFill="1" applyAlignment="1">
      <alignment horizontal="left" wrapText="1"/>
    </xf>
    <xf numFmtId="0" fontId="28" fillId="3" borderId="0" xfId="0" applyFont="1" applyFill="1" applyAlignment="1">
      <alignment wrapText="1"/>
    </xf>
    <xf numFmtId="0" fontId="29" fillId="3" borderId="0" xfId="0" applyFont="1" applyFill="1" applyAlignment="1">
      <alignment wrapText="1"/>
    </xf>
    <xf numFmtId="0" fontId="28" fillId="3" borderId="0" xfId="0" applyFont="1" applyFill="1" applyBorder="1" applyAlignment="1">
      <alignment wrapText="1"/>
    </xf>
    <xf numFmtId="0" fontId="29" fillId="3" borderId="0" xfId="0" applyFont="1" applyFill="1" applyBorder="1" applyAlignment="1">
      <alignment vertical="top" wrapText="1"/>
    </xf>
    <xf numFmtId="0" fontId="29" fillId="3" borderId="0" xfId="0" applyFont="1" applyFill="1" applyAlignment="1">
      <alignment vertical="center" wrapText="1"/>
    </xf>
    <xf numFmtId="0" fontId="9" fillId="2" borderId="0" xfId="0" applyFont="1" applyFill="1" applyAlignment="1">
      <alignment horizontal="center"/>
    </xf>
    <xf numFmtId="0" fontId="10" fillId="2" borderId="0" xfId="0" applyFont="1" applyFill="1" applyAlignment="1">
      <alignment horizontal="center"/>
    </xf>
    <xf numFmtId="0" fontId="0" fillId="3" borderId="0" xfId="0" quotePrefix="1" applyFill="1"/>
    <xf numFmtId="0" fontId="0" fillId="3" borderId="0" xfId="0" applyFill="1"/>
    <xf numFmtId="0" fontId="10" fillId="3" borderId="0" xfId="0" applyFont="1" applyFill="1" applyAlignment="1">
      <alignment horizontal="left"/>
    </xf>
    <xf numFmtId="0" fontId="15" fillId="3" borderId="0" xfId="0" applyFont="1" applyFill="1" applyAlignment="1">
      <alignment horizontal="left"/>
    </xf>
    <xf numFmtId="0" fontId="18" fillId="5" borderId="1" xfId="34" quotePrefix="1" applyFont="1" applyFill="1" applyBorder="1" applyAlignment="1">
      <alignment horizontal="left" vertical="top" wrapText="1"/>
    </xf>
    <xf numFmtId="0" fontId="16" fillId="4" borderId="0" xfId="0" applyFont="1" applyFill="1" applyBorder="1" applyAlignment="1">
      <alignment horizontal="left" vertical="top"/>
    </xf>
    <xf numFmtId="0" fontId="17" fillId="0" borderId="0" xfId="34" applyFont="1" applyFill="1" applyBorder="1" applyAlignment="1">
      <alignment horizontal="left" vertical="top" wrapText="1"/>
    </xf>
    <xf numFmtId="0" fontId="17" fillId="0" borderId="0" xfId="34" quotePrefix="1" applyFont="1" applyFill="1" applyBorder="1" applyAlignment="1">
      <alignment horizontal="left" vertical="top" wrapText="1"/>
    </xf>
    <xf numFmtId="167" fontId="16" fillId="4" borderId="0" xfId="0" applyNumberFormat="1" applyFont="1" applyFill="1" applyBorder="1" applyAlignment="1">
      <alignment horizontal="left" vertical="top"/>
    </xf>
    <xf numFmtId="167" fontId="17" fillId="0" borderId="0" xfId="34" applyNumberFormat="1" applyFont="1" applyFill="1" applyBorder="1" applyAlignment="1">
      <alignment horizontal="left" vertical="top" wrapText="1"/>
    </xf>
    <xf numFmtId="0" fontId="18" fillId="5" borderId="1" xfId="7" applyFont="1" applyFill="1" applyBorder="1" applyAlignment="1">
      <alignment horizontal="left" vertical="top" wrapText="1"/>
    </xf>
    <xf numFmtId="167" fontId="18" fillId="5" borderId="1" xfId="7" applyNumberFormat="1" applyFont="1" applyFill="1" applyBorder="1" applyAlignment="1">
      <alignment horizontal="left" vertical="top" wrapText="1"/>
    </xf>
    <xf numFmtId="0" fontId="18" fillId="5" borderId="1" xfId="31" applyFont="1" applyFill="1" applyBorder="1" applyAlignment="1">
      <alignment horizontal="left" vertical="top" wrapText="1"/>
    </xf>
    <xf numFmtId="0" fontId="17" fillId="0" borderId="2" xfId="2" applyFont="1" applyFill="1" applyBorder="1" applyAlignment="1">
      <alignment horizontal="left" vertical="top" wrapText="1"/>
    </xf>
    <xf numFmtId="0" fontId="17" fillId="0" borderId="0" xfId="31" applyFont="1" applyFill="1" applyBorder="1" applyAlignment="1">
      <alignment horizontal="left" vertical="top" wrapText="1"/>
    </xf>
    <xf numFmtId="0" fontId="17" fillId="0" borderId="0" xfId="2" applyFont="1" applyFill="1" applyBorder="1" applyAlignment="1">
      <alignment horizontal="left" vertical="top" wrapText="1"/>
    </xf>
    <xf numFmtId="0" fontId="18" fillId="5" borderId="1" xfId="31" quotePrefix="1" applyFont="1" applyFill="1" applyBorder="1" applyAlignment="1">
      <alignment horizontal="left" vertical="top" wrapText="1"/>
    </xf>
    <xf numFmtId="0" fontId="17" fillId="0" borderId="0" xfId="2" quotePrefix="1" applyFont="1" applyFill="1" applyBorder="1" applyAlignment="1">
      <alignment horizontal="left" vertical="top" wrapText="1"/>
    </xf>
    <xf numFmtId="0" fontId="18" fillId="5" borderId="1" xfId="33" applyFont="1" applyFill="1" applyBorder="1" applyAlignment="1">
      <alignment horizontal="left" vertical="top" wrapText="1"/>
    </xf>
    <xf numFmtId="0" fontId="18" fillId="5" borderId="3" xfId="33" applyFont="1" applyFill="1" applyBorder="1" applyAlignment="1">
      <alignment horizontal="left" vertical="top" wrapText="1"/>
    </xf>
    <xf numFmtId="0" fontId="18" fillId="5" borderId="4" xfId="33" applyFont="1" applyFill="1" applyBorder="1" applyAlignment="1">
      <alignment horizontal="left" vertical="top" wrapText="1"/>
    </xf>
    <xf numFmtId="0" fontId="33" fillId="0" borderId="2" xfId="2" quotePrefix="1" applyFont="1" applyFill="1" applyBorder="1" applyAlignment="1">
      <alignment horizontal="left" vertical="top" wrapText="1"/>
    </xf>
    <xf numFmtId="0" fontId="18" fillId="5" borderId="1" xfId="5" applyFont="1" applyFill="1" applyBorder="1" applyAlignment="1">
      <alignment horizontal="left" vertical="top" wrapText="1"/>
    </xf>
    <xf numFmtId="0" fontId="17" fillId="0" borderId="0" xfId="5" quotePrefix="1" applyFont="1" applyFill="1" applyBorder="1" applyAlignment="1">
      <alignment horizontal="left" vertical="top" wrapText="1"/>
    </xf>
    <xf numFmtId="0" fontId="18" fillId="5" borderId="1" xfId="0" applyFont="1" applyFill="1" applyBorder="1" applyAlignment="1">
      <alignment horizontal="left" vertical="top"/>
    </xf>
    <xf numFmtId="0" fontId="18" fillId="5" borderId="3" xfId="0" applyFont="1" applyFill="1" applyBorder="1" applyAlignment="1">
      <alignment horizontal="left" vertical="top"/>
    </xf>
    <xf numFmtId="0" fontId="18" fillId="5" borderId="4" xfId="0" applyFont="1" applyFill="1" applyBorder="1" applyAlignment="1">
      <alignment horizontal="left" vertical="top"/>
    </xf>
    <xf numFmtId="0" fontId="18" fillId="5" borderId="5" xfId="0" applyFont="1" applyFill="1" applyBorder="1" applyAlignment="1">
      <alignment horizontal="left" vertical="top"/>
    </xf>
    <xf numFmtId="0" fontId="17" fillId="0" borderId="2" xfId="5" quotePrefix="1" applyFont="1" applyFill="1" applyBorder="1" applyAlignment="1">
      <alignment horizontal="left" vertical="top" wrapText="1"/>
    </xf>
    <xf numFmtId="0" fontId="18" fillId="5" borderId="1" xfId="0" applyFont="1" applyFill="1" applyBorder="1" applyAlignment="1">
      <alignment horizontal="left" vertical="top" wrapText="1"/>
    </xf>
    <xf numFmtId="0" fontId="18" fillId="5" borderId="1" xfId="28" applyFont="1" applyFill="1" applyBorder="1" applyAlignment="1">
      <alignment horizontal="left" vertical="top" wrapText="1"/>
    </xf>
    <xf numFmtId="0" fontId="17" fillId="0" borderId="0" xfId="4" quotePrefix="1" applyFont="1" applyFill="1" applyBorder="1" applyAlignment="1">
      <alignment horizontal="left" vertical="top" wrapText="1"/>
    </xf>
    <xf numFmtId="0" fontId="17" fillId="0" borderId="0" xfId="4" applyFont="1" applyFill="1" applyBorder="1" applyAlignment="1">
      <alignment horizontal="left" vertical="top" wrapText="1"/>
    </xf>
    <xf numFmtId="0" fontId="17" fillId="0" borderId="0" xfId="9" quotePrefix="1" applyFont="1" applyFill="1" applyBorder="1" applyAlignment="1">
      <alignment horizontal="left" vertical="top" wrapText="1"/>
    </xf>
    <xf numFmtId="0" fontId="17" fillId="0" borderId="0" xfId="9" applyFont="1" applyFill="1" applyBorder="1" applyAlignment="1">
      <alignment horizontal="left" vertical="top" wrapText="1"/>
    </xf>
    <xf numFmtId="0" fontId="17" fillId="0" borderId="2" xfId="4" quotePrefix="1" applyFont="1" applyFill="1" applyBorder="1" applyAlignment="1">
      <alignment horizontal="left" vertical="top" wrapText="1"/>
    </xf>
    <xf numFmtId="0" fontId="17" fillId="0" borderId="2" xfId="3" quotePrefix="1" applyFont="1" applyFill="1" applyBorder="1" applyAlignment="1">
      <alignment horizontal="left" vertical="top" wrapText="1"/>
    </xf>
    <xf numFmtId="0" fontId="17" fillId="0" borderId="0" xfId="3" applyFont="1" applyFill="1" applyBorder="1" applyAlignment="1">
      <alignment horizontal="left" vertical="top" wrapText="1"/>
    </xf>
    <xf numFmtId="0" fontId="17" fillId="0" borderId="0" xfId="3" quotePrefix="1" applyFont="1" applyFill="1" applyBorder="1" applyAlignment="1">
      <alignment horizontal="left" vertical="top" wrapText="1"/>
    </xf>
    <xf numFmtId="0" fontId="18" fillId="5" borderId="3" xfId="28" applyFont="1" applyFill="1" applyBorder="1" applyAlignment="1">
      <alignment horizontal="left" vertical="top" wrapText="1"/>
    </xf>
    <xf numFmtId="0" fontId="18" fillId="5" borderId="4" xfId="28" applyFont="1" applyFill="1" applyBorder="1" applyAlignment="1">
      <alignment horizontal="left" vertical="top" wrapText="1"/>
    </xf>
    <xf numFmtId="0" fontId="18" fillId="5" borderId="5" xfId="28" applyFont="1" applyFill="1" applyBorder="1" applyAlignment="1">
      <alignment horizontal="left" vertical="top" wrapText="1"/>
    </xf>
  </cellXfs>
  <cellStyles count="45">
    <cellStyle name="Hyperlink" xfId="1" builtinId="8"/>
    <cellStyle name="Normal" xfId="0" builtinId="0"/>
    <cellStyle name="Normal 2" xfId="44"/>
    <cellStyle name="Normal_%2_1" xfId="2"/>
    <cellStyle name="Normal_Belonging" xfId="3"/>
    <cellStyle name="Normal_CommLeader" xfId="4"/>
    <cellStyle name="Normal_CommunityEconomicWB" xfId="5"/>
    <cellStyle name="Normal_CWI" xfId="6"/>
    <cellStyle name="Normal_CWI Ind" xfId="7"/>
    <cellStyle name="Normal_CWI_1" xfId="8"/>
    <cellStyle name="Normal_Equity" xfId="9"/>
    <cellStyle name="Normal_FamilyFriends" xfId="10"/>
    <cellStyle name="Normal_GenHealth" xfId="11"/>
    <cellStyle name="Normal_GettingInvolved" xfId="12"/>
    <cellStyle name="Normal_HouseholdFinance" xfId="13"/>
    <cellStyle name="Normal_HouseholdFinWB" xfId="14"/>
    <cellStyle name="Normal_K10" xfId="15"/>
    <cellStyle name="Normal_liveability" xfId="16"/>
    <cellStyle name="Normal_Mean2" xfId="17"/>
    <cellStyle name="Normal_Migration" xfId="18"/>
    <cellStyle name="Normal_NaturalCap" xfId="19"/>
    <cellStyle name="Normal_PhysCrime" xfId="20"/>
    <cellStyle name="Normal_PhysFinance" xfId="21"/>
    <cellStyle name="Normal_PhysHealthetc" xfId="22"/>
    <cellStyle name="Normal_PhysLandscape" xfId="23"/>
    <cellStyle name="Normal_PhysRetail" xfId="24"/>
    <cellStyle name="Normal_PhysRoadsTrans" xfId="25"/>
    <cellStyle name="Normal_PhysTelecom" xfId="26"/>
    <cellStyle name="Normal_PWI_1" xfId="27"/>
    <cellStyle name="Normal_Self efficacy" xfId="28"/>
    <cellStyle name="Normal_Sheet1" xfId="29"/>
    <cellStyle name="Normal_Sheet1_1" xfId="30"/>
    <cellStyle name="Normal_Sheet10" xfId="31"/>
    <cellStyle name="Normal_Sheet12" xfId="32"/>
    <cellStyle name="Normal_Sheet13" xfId="33"/>
    <cellStyle name="Normal_Sheet2_1" xfId="34"/>
    <cellStyle name="Normal_Sheet3" xfId="35"/>
    <cellStyle name="Normal_Sheet4" xfId="36"/>
    <cellStyle name="Normal_Sheet5" xfId="37"/>
    <cellStyle name="Normal_Sheet5_1" xfId="38"/>
    <cellStyle name="Normal_Sheet6" xfId="39"/>
    <cellStyle name="Normal_Sheet7" xfId="40"/>
    <cellStyle name="Normal_Sheet7_1" xfId="41"/>
    <cellStyle name="Normal_Sheet8" xfId="42"/>
    <cellStyle name="Normal_Volunteering" xfId="4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5</xdr:col>
      <xdr:colOff>285750</xdr:colOff>
      <xdr:row>25</xdr:row>
      <xdr:rowOff>152400</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0" y="0"/>
          <a:ext cx="9144000" cy="5143500"/>
        </a:xfrm>
        <a:prstGeom prst="rect">
          <a:avLst/>
        </a:prstGeom>
      </xdr:spPr>
    </xdr:pic>
    <xdr:clientData/>
  </xdr:twoCellAnchor>
</xdr:wsDr>
</file>

<file path=xl/theme/theme1.xml><?xml version="1.0" encoding="utf-8"?>
<a:theme xmlns:a="http://schemas.openxmlformats.org/drawingml/2006/main" name="Kilter">
  <a:themeElements>
    <a:clrScheme name="Kilter">
      <a:dk1>
        <a:sysClr val="windowText" lastClr="000000"/>
      </a:dk1>
      <a:lt1>
        <a:sysClr val="window" lastClr="FFFFFF"/>
      </a:lt1>
      <a:dk2>
        <a:srgbClr val="318FC5"/>
      </a:dk2>
      <a:lt2>
        <a:srgbClr val="AEE8FB"/>
      </a:lt2>
      <a:accent1>
        <a:srgbClr val="76C5EF"/>
      </a:accent1>
      <a:accent2>
        <a:srgbClr val="FEA022"/>
      </a:accent2>
      <a:accent3>
        <a:srgbClr val="FF6700"/>
      </a:accent3>
      <a:accent4>
        <a:srgbClr val="70A525"/>
      </a:accent4>
      <a:accent5>
        <a:srgbClr val="A5D848"/>
      </a:accent5>
      <a:accent6>
        <a:srgbClr val="20768C"/>
      </a:accent6>
      <a:hlink>
        <a:srgbClr val="7AB6E8"/>
      </a:hlink>
      <a:folHlink>
        <a:srgbClr val="83B0D3"/>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K1:S9"/>
  <sheetViews>
    <sheetView tabSelected="1" workbookViewId="0">
      <selection activeCell="F28" sqref="F28"/>
    </sheetView>
  </sheetViews>
  <sheetFormatPr defaultColWidth="8.85546875" defaultRowHeight="15"/>
  <cols>
    <col min="1" max="16384" width="8.85546875" style="2"/>
  </cols>
  <sheetData>
    <row r="1" spans="11:19" ht="23.25">
      <c r="Q1" s="304"/>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128"/>
  <sheetViews>
    <sheetView workbookViewId="0">
      <selection activeCell="F4" sqref="F4"/>
    </sheetView>
  </sheetViews>
  <sheetFormatPr defaultColWidth="18.5703125" defaultRowHeight="15"/>
  <cols>
    <col min="1" max="1" width="30.5703125" customWidth="1"/>
  </cols>
  <sheetData>
    <row r="1" spans="1:4" ht="31.5">
      <c r="A1" s="33" t="s">
        <v>53</v>
      </c>
    </row>
    <row r="3" spans="1:4" ht="18.75">
      <c r="A3" s="329" t="s">
        <v>16</v>
      </c>
      <c r="B3" s="329"/>
      <c r="C3" s="329"/>
      <c r="D3" s="329"/>
    </row>
    <row r="4" spans="1:4" ht="117.75" customHeight="1">
      <c r="A4" s="355" t="s">
        <v>221</v>
      </c>
      <c r="B4" s="355"/>
      <c r="C4" s="355"/>
      <c r="D4" s="355"/>
    </row>
    <row r="5" spans="1:4" ht="33.75" customHeight="1">
      <c r="A5" s="328" t="s">
        <v>222</v>
      </c>
      <c r="B5" s="328"/>
      <c r="C5" s="328"/>
      <c r="D5" s="328"/>
    </row>
    <row r="6" spans="1:4" ht="36.75" customHeight="1">
      <c r="A6" s="37" t="s">
        <v>114</v>
      </c>
      <c r="B6" s="38" t="s">
        <v>115</v>
      </c>
      <c r="C6" s="39" t="s">
        <v>116</v>
      </c>
      <c r="D6" s="40" t="s">
        <v>117</v>
      </c>
    </row>
    <row r="7" spans="1:4" ht="75.75" customHeight="1">
      <c r="A7" s="41"/>
      <c r="B7" s="42" t="s">
        <v>118</v>
      </c>
      <c r="C7" s="134" t="s">
        <v>223</v>
      </c>
      <c r="D7" s="44" t="s">
        <v>120</v>
      </c>
    </row>
    <row r="8" spans="1:4">
      <c r="A8" s="45" t="s">
        <v>444</v>
      </c>
      <c r="B8" s="204">
        <v>12520</v>
      </c>
      <c r="C8" s="205">
        <v>4.566222730993891</v>
      </c>
      <c r="D8" s="137">
        <v>3.6434495814010148E-2</v>
      </c>
    </row>
    <row r="9" spans="1:4">
      <c r="A9" s="49" t="s">
        <v>445</v>
      </c>
      <c r="B9" s="206">
        <v>998</v>
      </c>
      <c r="C9" s="207">
        <v>4.6832990424724494</v>
      </c>
      <c r="D9" s="141">
        <v>0.12683466286637035</v>
      </c>
    </row>
    <row r="10" spans="1:4">
      <c r="A10" s="53" t="s">
        <v>446</v>
      </c>
      <c r="B10" s="83">
        <v>129</v>
      </c>
      <c r="C10" s="84">
        <v>4.7520447155324899</v>
      </c>
      <c r="D10" s="85">
        <v>0.28480229093763398</v>
      </c>
    </row>
    <row r="11" spans="1:4">
      <c r="A11" s="49" t="s">
        <v>447</v>
      </c>
      <c r="B11" s="206">
        <v>66</v>
      </c>
      <c r="C11" s="207">
        <v>4.0072069442208127</v>
      </c>
      <c r="D11" s="141">
        <v>0.37106406857530105</v>
      </c>
    </row>
    <row r="12" spans="1:4">
      <c r="A12" s="57" t="s">
        <v>448</v>
      </c>
      <c r="B12" s="204">
        <v>289</v>
      </c>
      <c r="C12" s="205">
        <v>4.7768188560178437</v>
      </c>
      <c r="D12" s="137">
        <v>0.20384556439355883</v>
      </c>
    </row>
    <row r="13" spans="1:4">
      <c r="A13" s="49" t="s">
        <v>449</v>
      </c>
      <c r="B13" s="206">
        <v>304</v>
      </c>
      <c r="C13" s="207">
        <v>4.8275706491241692</v>
      </c>
      <c r="D13" s="141">
        <v>0.22292095806332846</v>
      </c>
    </row>
    <row r="14" spans="1:4">
      <c r="A14" s="57" t="s">
        <v>450</v>
      </c>
      <c r="B14" s="204">
        <v>176</v>
      </c>
      <c r="C14" s="205">
        <v>4.8931645327475941</v>
      </c>
      <c r="D14" s="137">
        <v>0.2999835398568873</v>
      </c>
    </row>
    <row r="22" spans="1:22" ht="18.75">
      <c r="A22" s="329" t="s">
        <v>54</v>
      </c>
      <c r="B22" s="329"/>
      <c r="C22" s="329"/>
      <c r="D22" s="329"/>
      <c r="E22" s="329"/>
      <c r="F22" s="329"/>
      <c r="G22" s="329"/>
      <c r="H22" s="329"/>
      <c r="I22" s="329"/>
      <c r="J22" s="329"/>
      <c r="K22" s="329"/>
      <c r="L22" s="329"/>
      <c r="M22" s="329"/>
      <c r="N22" s="329"/>
      <c r="O22" s="329"/>
      <c r="P22" s="329"/>
      <c r="Q22" s="329"/>
      <c r="R22" s="329"/>
      <c r="S22" s="329"/>
      <c r="T22" s="329"/>
      <c r="U22" s="329"/>
      <c r="V22" s="329"/>
    </row>
    <row r="23" spans="1:22" ht="66" customHeight="1">
      <c r="A23" s="355" t="s">
        <v>224</v>
      </c>
      <c r="B23" s="355"/>
      <c r="C23" s="355"/>
      <c r="D23" s="355"/>
      <c r="E23" s="355"/>
      <c r="F23" s="355"/>
      <c r="G23" s="355"/>
      <c r="H23" s="355"/>
      <c r="I23" s="355"/>
      <c r="J23" s="355"/>
      <c r="K23" s="355"/>
      <c r="L23" s="355"/>
      <c r="M23" s="355"/>
      <c r="N23" s="355"/>
      <c r="O23" s="355"/>
      <c r="P23" s="355"/>
      <c r="Q23" s="355"/>
      <c r="R23" s="355"/>
      <c r="S23" s="355"/>
      <c r="T23" s="355"/>
      <c r="U23" s="355"/>
      <c r="V23" s="355"/>
    </row>
    <row r="24" spans="1:22" ht="37.5" customHeight="1">
      <c r="A24" s="64"/>
      <c r="B24" s="354" t="s">
        <v>225</v>
      </c>
      <c r="C24" s="354"/>
      <c r="D24" s="354"/>
      <c r="E24" s="354"/>
      <c r="F24" s="354"/>
      <c r="G24" s="354"/>
      <c r="H24" s="354"/>
      <c r="I24" s="354" t="s">
        <v>226</v>
      </c>
      <c r="J24" s="354"/>
      <c r="K24" s="354"/>
      <c r="L24" s="354"/>
      <c r="M24" s="354"/>
      <c r="N24" s="354"/>
      <c r="O24" s="354"/>
      <c r="P24" s="354" t="s">
        <v>227</v>
      </c>
      <c r="Q24" s="354"/>
      <c r="R24" s="354"/>
      <c r="S24" s="354"/>
      <c r="T24" s="354"/>
      <c r="U24" s="354"/>
      <c r="V24" s="354"/>
    </row>
    <row r="25" spans="1:22" ht="37.5" customHeight="1">
      <c r="A25" s="37" t="s">
        <v>114</v>
      </c>
      <c r="B25" s="38" t="s">
        <v>115</v>
      </c>
      <c r="C25" s="38" t="s">
        <v>228</v>
      </c>
      <c r="D25" s="93" t="s">
        <v>145</v>
      </c>
      <c r="E25" s="38" t="s">
        <v>229</v>
      </c>
      <c r="F25" s="93" t="s">
        <v>146</v>
      </c>
      <c r="G25" s="38" t="s">
        <v>230</v>
      </c>
      <c r="H25" s="93" t="s">
        <v>147</v>
      </c>
      <c r="I25" s="65" t="s">
        <v>115</v>
      </c>
      <c r="J25" s="65" t="s">
        <v>228</v>
      </c>
      <c r="K25" s="92" t="s">
        <v>145</v>
      </c>
      <c r="L25" s="65" t="s">
        <v>229</v>
      </c>
      <c r="M25" s="92" t="s">
        <v>146</v>
      </c>
      <c r="N25" s="65" t="s">
        <v>230</v>
      </c>
      <c r="O25" s="92" t="s">
        <v>147</v>
      </c>
      <c r="P25" s="38" t="s">
        <v>115</v>
      </c>
      <c r="Q25" s="38" t="s">
        <v>228</v>
      </c>
      <c r="R25" s="93" t="s">
        <v>145</v>
      </c>
      <c r="S25" s="38" t="s">
        <v>229</v>
      </c>
      <c r="T25" s="93" t="s">
        <v>146</v>
      </c>
      <c r="U25" s="38" t="s">
        <v>230</v>
      </c>
      <c r="V25" s="93" t="s">
        <v>147</v>
      </c>
    </row>
    <row r="26" spans="1:22" ht="71.25" customHeight="1">
      <c r="A26" s="41"/>
      <c r="B26" s="42" t="s">
        <v>118</v>
      </c>
      <c r="C26" s="42" t="s">
        <v>303</v>
      </c>
      <c r="D26" s="95" t="s">
        <v>148</v>
      </c>
      <c r="E26" s="42" t="s">
        <v>304</v>
      </c>
      <c r="F26" s="95" t="s">
        <v>148</v>
      </c>
      <c r="G26" s="42" t="s">
        <v>305</v>
      </c>
      <c r="H26" s="95" t="s">
        <v>148</v>
      </c>
      <c r="I26" s="68" t="s">
        <v>118</v>
      </c>
      <c r="J26" s="68" t="s">
        <v>303</v>
      </c>
      <c r="K26" s="94" t="s">
        <v>148</v>
      </c>
      <c r="L26" s="68" t="s">
        <v>304</v>
      </c>
      <c r="M26" s="94" t="s">
        <v>148</v>
      </c>
      <c r="N26" s="68" t="s">
        <v>305</v>
      </c>
      <c r="O26" s="94" t="s">
        <v>148</v>
      </c>
      <c r="P26" s="42" t="s">
        <v>118</v>
      </c>
      <c r="Q26" s="42" t="s">
        <v>303</v>
      </c>
      <c r="R26" s="95" t="s">
        <v>148</v>
      </c>
      <c r="S26" s="42" t="s">
        <v>304</v>
      </c>
      <c r="T26" s="95" t="s">
        <v>148</v>
      </c>
      <c r="U26" s="42" t="s">
        <v>305</v>
      </c>
      <c r="V26" s="95" t="s">
        <v>148</v>
      </c>
    </row>
    <row r="27" spans="1:22">
      <c r="A27" s="45" t="s">
        <v>444</v>
      </c>
      <c r="B27" s="204">
        <v>12897</v>
      </c>
      <c r="C27" s="208">
        <v>0.15626279463778509</v>
      </c>
      <c r="D27" s="98">
        <v>6.2675296683136605E-3</v>
      </c>
      <c r="E27" s="208">
        <v>0.16798435718880489</v>
      </c>
      <c r="F27" s="98">
        <v>6.4528372432166624E-3</v>
      </c>
      <c r="G27" s="208">
        <v>0.67575284817340997</v>
      </c>
      <c r="H27" s="98">
        <v>8.0778426689842031E-3</v>
      </c>
      <c r="I27" s="204">
        <v>12883</v>
      </c>
      <c r="J27" s="208">
        <v>0.26176795453468887</v>
      </c>
      <c r="K27" s="98">
        <v>7.5905705915097583E-3</v>
      </c>
      <c r="L27" s="208">
        <v>0.16193196954550279</v>
      </c>
      <c r="M27" s="98">
        <v>6.362086509789997E-3</v>
      </c>
      <c r="N27" s="208">
        <v>0.57630007591980836</v>
      </c>
      <c r="O27" s="98">
        <v>8.5317260498085339E-3</v>
      </c>
      <c r="P27" s="204">
        <v>12880</v>
      </c>
      <c r="Q27" s="208">
        <v>0.35060220471272729</v>
      </c>
      <c r="R27" s="98">
        <v>8.2396099781623343E-3</v>
      </c>
      <c r="S27" s="208">
        <v>0.15975316980211576</v>
      </c>
      <c r="T27" s="98">
        <v>6.328126221020882E-3</v>
      </c>
      <c r="U27" s="208">
        <v>0.48964462548515697</v>
      </c>
      <c r="V27" s="98">
        <v>8.6319241087893499E-3</v>
      </c>
    </row>
    <row r="28" spans="1:22">
      <c r="A28" s="49" t="s">
        <v>445</v>
      </c>
      <c r="B28" s="206">
        <v>1020</v>
      </c>
      <c r="C28" s="209">
        <v>0.10731064788109865</v>
      </c>
      <c r="D28" s="101">
        <v>1.9075952926589149E-2</v>
      </c>
      <c r="E28" s="209">
        <v>0.13645674123937523</v>
      </c>
      <c r="F28" s="101">
        <v>2.111720321536013E-2</v>
      </c>
      <c r="G28" s="209">
        <v>0.75623261087952609</v>
      </c>
      <c r="H28" s="101">
        <v>2.6334421521145776E-2</v>
      </c>
      <c r="I28" s="206">
        <v>1021</v>
      </c>
      <c r="J28" s="209">
        <v>0.23041564343035753</v>
      </c>
      <c r="K28" s="101">
        <v>2.5820841158319344E-2</v>
      </c>
      <c r="L28" s="209">
        <v>0.19466865379253168</v>
      </c>
      <c r="M28" s="101">
        <v>2.4295900845844591E-2</v>
      </c>
      <c r="N28" s="209">
        <v>0.57491570277711079</v>
      </c>
      <c r="O28" s="101">
        <v>3.026722442875188E-2</v>
      </c>
      <c r="P28" s="206">
        <v>1018</v>
      </c>
      <c r="Q28" s="209">
        <v>0.34216861963906786</v>
      </c>
      <c r="R28" s="101">
        <v>2.9100179794843518E-2</v>
      </c>
      <c r="S28" s="209">
        <v>0.15982063792788498</v>
      </c>
      <c r="T28" s="101">
        <v>2.25418823977733E-2</v>
      </c>
      <c r="U28" s="209">
        <v>0.49801074243304722</v>
      </c>
      <c r="V28" s="101">
        <v>3.0654710389644478E-2</v>
      </c>
    </row>
    <row r="29" spans="1:22">
      <c r="A29" s="53" t="s">
        <v>446</v>
      </c>
      <c r="B29" s="54">
        <v>129</v>
      </c>
      <c r="C29" s="187">
        <v>0.14426627894056968</v>
      </c>
      <c r="D29" s="98">
        <v>6.1501322192674464E-2</v>
      </c>
      <c r="E29" s="187">
        <v>0.11657912979538546</v>
      </c>
      <c r="F29" s="98">
        <v>5.6800670192482139E-2</v>
      </c>
      <c r="G29" s="187">
        <v>0.73915459126404492</v>
      </c>
      <c r="H29" s="98">
        <v>7.5278805147265274E-2</v>
      </c>
      <c r="I29" s="54">
        <v>129</v>
      </c>
      <c r="J29" s="187">
        <v>0.17731310216443752</v>
      </c>
      <c r="K29" s="98">
        <v>6.6269301709321327E-2</v>
      </c>
      <c r="L29" s="187">
        <v>0.28279561004749204</v>
      </c>
      <c r="M29" s="98">
        <v>7.7065520898698794E-2</v>
      </c>
      <c r="N29" s="187">
        <v>0.53989128778807038</v>
      </c>
      <c r="O29" s="98">
        <v>8.4721968389665211E-2</v>
      </c>
      <c r="P29" s="54">
        <v>129</v>
      </c>
      <c r="Q29" s="187">
        <v>0.31409544460484629</v>
      </c>
      <c r="R29" s="98">
        <v>7.9258703716628909E-2</v>
      </c>
      <c r="S29" s="187">
        <v>0.22782621555102803</v>
      </c>
      <c r="T29" s="98">
        <v>7.2167306125550376E-2</v>
      </c>
      <c r="U29" s="187">
        <v>0.45807833984412566</v>
      </c>
      <c r="V29" s="98">
        <v>8.4695325787779233E-2</v>
      </c>
    </row>
    <row r="30" spans="1:22">
      <c r="A30" s="49" t="s">
        <v>447</v>
      </c>
      <c r="B30" s="206">
        <v>67</v>
      </c>
      <c r="C30" s="209">
        <v>0.14939154842347108</v>
      </c>
      <c r="D30" s="101">
        <v>8.7200347562445407E-2</v>
      </c>
      <c r="E30" s="209">
        <v>0.18172665978186853</v>
      </c>
      <c r="F30" s="101">
        <v>9.2983886305532462E-2</v>
      </c>
      <c r="G30" s="209">
        <v>0.66888179179466034</v>
      </c>
      <c r="H30" s="101">
        <v>0.11023861812092083</v>
      </c>
      <c r="I30" s="206">
        <v>66</v>
      </c>
      <c r="J30" s="209">
        <v>0.47212339328138031</v>
      </c>
      <c r="K30" s="101">
        <v>0.11697045444505177</v>
      </c>
      <c r="L30" s="209">
        <v>0.13980739397654582</v>
      </c>
      <c r="M30" s="101">
        <v>8.5967502231682591E-2</v>
      </c>
      <c r="N30" s="209">
        <v>0.38806921274207384</v>
      </c>
      <c r="O30" s="101">
        <v>0.11449353479288253</v>
      </c>
      <c r="P30" s="206">
        <v>66</v>
      </c>
      <c r="Q30" s="209">
        <v>0.57858098493902232</v>
      </c>
      <c r="R30" s="101">
        <v>0.11583928714112809</v>
      </c>
      <c r="S30" s="209">
        <v>0.13584610092949509</v>
      </c>
      <c r="T30" s="101">
        <v>8.5149421298289465E-2</v>
      </c>
      <c r="U30" s="209">
        <v>0.28557291413148256</v>
      </c>
      <c r="V30" s="101">
        <v>0.1071298956564582</v>
      </c>
    </row>
    <row r="31" spans="1:22">
      <c r="A31" s="57" t="s">
        <v>448</v>
      </c>
      <c r="B31" s="204">
        <v>287</v>
      </c>
      <c r="C31" s="208">
        <v>5.8863270534749004E-2</v>
      </c>
      <c r="D31" s="98">
        <v>2.8310335828904017E-2</v>
      </c>
      <c r="E31" s="208">
        <v>0.13906544034007173</v>
      </c>
      <c r="F31" s="98">
        <v>4.0342354495156808E-2</v>
      </c>
      <c r="G31" s="208">
        <v>0.80207128912517922</v>
      </c>
      <c r="H31" s="98">
        <v>4.6137242666047025E-2</v>
      </c>
      <c r="I31" s="204">
        <v>289</v>
      </c>
      <c r="J31" s="208">
        <v>0.20335429051275949</v>
      </c>
      <c r="K31" s="98">
        <v>4.6425523613100032E-2</v>
      </c>
      <c r="L31" s="208">
        <v>0.16170562867739419</v>
      </c>
      <c r="M31" s="98">
        <v>4.2638149921375101E-2</v>
      </c>
      <c r="N31" s="208">
        <v>0.63494008080984632</v>
      </c>
      <c r="O31" s="98">
        <v>5.5186493154970942E-2</v>
      </c>
      <c r="P31" s="204">
        <v>287</v>
      </c>
      <c r="Q31" s="208">
        <v>0.36112318051278958</v>
      </c>
      <c r="R31" s="98">
        <v>5.5251093080172869E-2</v>
      </c>
      <c r="S31" s="208">
        <v>0.14750897856438649</v>
      </c>
      <c r="T31" s="98">
        <v>4.1289917802417343E-2</v>
      </c>
      <c r="U31" s="208">
        <v>0.49136784092282393</v>
      </c>
      <c r="V31" s="98">
        <v>5.7440289086017587E-2</v>
      </c>
    </row>
    <row r="32" spans="1:22">
      <c r="A32" s="49" t="s">
        <v>449</v>
      </c>
      <c r="B32" s="206">
        <v>303</v>
      </c>
      <c r="C32" s="209">
        <v>9.9152061436414626E-2</v>
      </c>
      <c r="D32" s="101">
        <v>3.4201718650534188E-2</v>
      </c>
      <c r="E32" s="209">
        <v>0.1268010371092774</v>
      </c>
      <c r="F32" s="101">
        <v>3.7823672963528045E-2</v>
      </c>
      <c r="G32" s="209">
        <v>0.77404690145430799</v>
      </c>
      <c r="H32" s="101">
        <v>4.7041409057885016E-2</v>
      </c>
      <c r="I32" s="206">
        <v>302</v>
      </c>
      <c r="J32" s="209">
        <v>0.18993751848044418</v>
      </c>
      <c r="K32" s="101">
        <v>4.4305309429052996E-2</v>
      </c>
      <c r="L32" s="209">
        <v>0.19851667470798151</v>
      </c>
      <c r="M32" s="101">
        <v>4.5023506682700817E-2</v>
      </c>
      <c r="N32" s="209">
        <v>0.61154580681157433</v>
      </c>
      <c r="O32" s="101">
        <v>5.4648086801081588E-2</v>
      </c>
      <c r="P32" s="206">
        <v>302</v>
      </c>
      <c r="Q32" s="209">
        <v>0.27775346343558904</v>
      </c>
      <c r="R32" s="101">
        <v>5.0344506193291026E-2</v>
      </c>
      <c r="S32" s="209">
        <v>0.13170727950002481</v>
      </c>
      <c r="T32" s="101">
        <v>3.846995983997601E-2</v>
      </c>
      <c r="U32" s="209">
        <v>0.59053925706438615</v>
      </c>
      <c r="V32" s="101">
        <v>5.5120988296272974E-2</v>
      </c>
    </row>
    <row r="33" spans="1:22">
      <c r="A33" s="57" t="s">
        <v>450</v>
      </c>
      <c r="B33" s="204">
        <v>176</v>
      </c>
      <c r="C33" s="208">
        <v>8.309945734332877E-2</v>
      </c>
      <c r="D33" s="98">
        <v>4.2298684388153318E-2</v>
      </c>
      <c r="E33" s="208">
        <v>0.12626449346052185</v>
      </c>
      <c r="F33" s="98">
        <v>4.9855094734791564E-2</v>
      </c>
      <c r="G33" s="208">
        <v>0.79063604919614938</v>
      </c>
      <c r="H33" s="98">
        <v>6.0100126827629656E-2</v>
      </c>
      <c r="I33" s="204">
        <v>177</v>
      </c>
      <c r="J33" s="208">
        <v>0.16669679208232971</v>
      </c>
      <c r="K33" s="98">
        <v>5.5238654550487598E-2</v>
      </c>
      <c r="L33" s="208">
        <v>0.17446834033230837</v>
      </c>
      <c r="M33" s="98">
        <v>5.6171441636055891E-2</v>
      </c>
      <c r="N33" s="208">
        <v>0.65883486758536192</v>
      </c>
      <c r="O33" s="98">
        <v>6.9238895647629778E-2</v>
      </c>
      <c r="P33" s="204">
        <v>176</v>
      </c>
      <c r="Q33" s="208">
        <v>0.21449487397093314</v>
      </c>
      <c r="R33" s="98">
        <v>6.059985883908818E-2</v>
      </c>
      <c r="S33" s="208">
        <v>0.16701099012182621</v>
      </c>
      <c r="T33" s="98">
        <v>5.5435561944202183E-2</v>
      </c>
      <c r="U33" s="208">
        <v>0.61849413590724056</v>
      </c>
      <c r="V33" s="98">
        <v>7.1056757432821332E-2</v>
      </c>
    </row>
    <row r="41" spans="1:22" ht="18.75">
      <c r="A41" s="329" t="s">
        <v>55</v>
      </c>
      <c r="B41" s="329"/>
      <c r="C41" s="329"/>
      <c r="D41" s="329"/>
    </row>
    <row r="42" spans="1:22" ht="156.75" customHeight="1">
      <c r="A42" s="355" t="s">
        <v>393</v>
      </c>
      <c r="B42" s="355"/>
      <c r="C42" s="355"/>
      <c r="D42" s="355"/>
    </row>
    <row r="43" spans="1:22" ht="39" customHeight="1">
      <c r="A43" s="328" t="s">
        <v>231</v>
      </c>
      <c r="B43" s="328"/>
      <c r="C43" s="328"/>
      <c r="D43" s="328"/>
    </row>
    <row r="44" spans="1:22" ht="39" customHeight="1">
      <c r="A44" s="37" t="s">
        <v>114</v>
      </c>
      <c r="B44" s="38" t="s">
        <v>115</v>
      </c>
      <c r="C44" s="39" t="s">
        <v>116</v>
      </c>
      <c r="D44" s="40" t="s">
        <v>117</v>
      </c>
    </row>
    <row r="45" spans="1:22" ht="72">
      <c r="A45" s="41"/>
      <c r="B45" s="42" t="s">
        <v>118</v>
      </c>
      <c r="C45" s="134" t="s">
        <v>232</v>
      </c>
      <c r="D45" s="44" t="s">
        <v>120</v>
      </c>
    </row>
    <row r="46" spans="1:22">
      <c r="A46" s="45" t="s">
        <v>444</v>
      </c>
      <c r="B46" s="210">
        <v>12498</v>
      </c>
      <c r="C46" s="211">
        <v>3.7895969261077846</v>
      </c>
      <c r="D46" s="212">
        <v>3.8758168883633815E-2</v>
      </c>
    </row>
    <row r="47" spans="1:22">
      <c r="A47" s="49" t="s">
        <v>445</v>
      </c>
      <c r="B47" s="213">
        <v>997</v>
      </c>
      <c r="C47" s="214">
        <v>3.9820067206061363</v>
      </c>
      <c r="D47" s="215">
        <v>0.15644902710172603</v>
      </c>
    </row>
    <row r="48" spans="1:22">
      <c r="A48" s="53" t="s">
        <v>446</v>
      </c>
      <c r="B48" s="83">
        <v>129</v>
      </c>
      <c r="C48" s="84">
        <v>3.9101837363915357</v>
      </c>
      <c r="D48" s="85">
        <v>0.38832440555478254</v>
      </c>
    </row>
    <row r="49" spans="1:29">
      <c r="A49" s="49" t="s">
        <v>447</v>
      </c>
      <c r="B49" s="213">
        <v>67</v>
      </c>
      <c r="C49" s="214">
        <v>4.0239612574460164</v>
      </c>
      <c r="D49" s="215">
        <v>0.38876248438841809</v>
      </c>
    </row>
    <row r="50" spans="1:29">
      <c r="A50" s="57" t="s">
        <v>448</v>
      </c>
      <c r="B50" s="210">
        <v>288</v>
      </c>
      <c r="C50" s="211">
        <v>3.8830360127023655</v>
      </c>
      <c r="D50" s="212">
        <v>0.2517547845581265</v>
      </c>
    </row>
    <row r="51" spans="1:29">
      <c r="A51" s="49" t="s">
        <v>449</v>
      </c>
      <c r="B51" s="213">
        <v>303</v>
      </c>
      <c r="C51" s="214">
        <v>4.027985658435818</v>
      </c>
      <c r="D51" s="215">
        <v>0.29924037554467464</v>
      </c>
    </row>
    <row r="52" spans="1:29">
      <c r="A52" s="57" t="s">
        <v>450</v>
      </c>
      <c r="B52" s="210">
        <v>176</v>
      </c>
      <c r="C52" s="211">
        <v>4.0992453069865951</v>
      </c>
      <c r="D52" s="212">
        <v>0.5059185335882459</v>
      </c>
    </row>
    <row r="60" spans="1:29" ht="18.75">
      <c r="A60" s="329" t="s">
        <v>56</v>
      </c>
      <c r="B60" s="329"/>
      <c r="C60" s="329"/>
      <c r="D60" s="329"/>
      <c r="E60" s="329"/>
      <c r="F60" s="329"/>
      <c r="G60" s="329"/>
      <c r="H60" s="329"/>
      <c r="I60" s="329"/>
      <c r="J60" s="329"/>
      <c r="K60" s="329"/>
      <c r="L60" s="329"/>
      <c r="M60" s="329"/>
      <c r="N60" s="329"/>
      <c r="O60" s="329"/>
      <c r="P60" s="329"/>
      <c r="Q60" s="329"/>
      <c r="R60" s="329"/>
      <c r="S60" s="329"/>
      <c r="T60" s="329"/>
      <c r="U60" s="329"/>
      <c r="V60" s="329"/>
      <c r="W60" s="329"/>
      <c r="X60" s="329"/>
      <c r="Y60" s="329"/>
      <c r="Z60" s="329"/>
      <c r="AA60" s="329"/>
      <c r="AB60" s="329"/>
      <c r="AC60" s="329"/>
    </row>
    <row r="61" spans="1:29" ht="65.25" customHeight="1">
      <c r="A61" s="359" t="s">
        <v>394</v>
      </c>
      <c r="B61" s="359"/>
      <c r="C61" s="359"/>
      <c r="D61" s="359"/>
      <c r="E61" s="359"/>
      <c r="F61" s="359"/>
      <c r="G61" s="359"/>
      <c r="H61" s="359"/>
      <c r="I61" s="359"/>
      <c r="J61" s="359"/>
      <c r="K61" s="359"/>
      <c r="L61" s="359"/>
      <c r="M61" s="359"/>
      <c r="N61" s="359"/>
      <c r="O61" s="359"/>
      <c r="P61" s="359"/>
      <c r="Q61" s="359"/>
      <c r="R61" s="359"/>
      <c r="S61" s="359"/>
      <c r="T61" s="359"/>
      <c r="U61" s="359"/>
      <c r="V61" s="359"/>
      <c r="W61" s="359"/>
      <c r="X61" s="359"/>
      <c r="Y61" s="359"/>
      <c r="Z61" s="359"/>
      <c r="AA61" s="359"/>
      <c r="AB61" s="359"/>
      <c r="AC61" s="359"/>
    </row>
    <row r="62" spans="1:29" ht="38.25" customHeight="1">
      <c r="A62" s="64"/>
      <c r="B62" s="354" t="s">
        <v>395</v>
      </c>
      <c r="C62" s="354"/>
      <c r="D62" s="354"/>
      <c r="E62" s="354"/>
      <c r="F62" s="354"/>
      <c r="G62" s="354"/>
      <c r="H62" s="354"/>
      <c r="I62" s="354" t="s">
        <v>396</v>
      </c>
      <c r="J62" s="354"/>
      <c r="K62" s="354"/>
      <c r="L62" s="354"/>
      <c r="M62" s="354"/>
      <c r="N62" s="354"/>
      <c r="O62" s="354"/>
      <c r="P62" s="354" t="s">
        <v>397</v>
      </c>
      <c r="Q62" s="354"/>
      <c r="R62" s="354"/>
      <c r="S62" s="354"/>
      <c r="T62" s="354"/>
      <c r="U62" s="354"/>
      <c r="V62" s="354"/>
      <c r="W62" s="354" t="s">
        <v>398</v>
      </c>
      <c r="X62" s="354"/>
      <c r="Y62" s="354"/>
      <c r="Z62" s="354"/>
      <c r="AA62" s="354"/>
      <c r="AB62" s="354"/>
      <c r="AC62" s="354"/>
    </row>
    <row r="63" spans="1:29" ht="72">
      <c r="A63" s="37" t="s">
        <v>114</v>
      </c>
      <c r="B63" s="38" t="s">
        <v>115</v>
      </c>
      <c r="C63" s="38" t="s">
        <v>335</v>
      </c>
      <c r="D63" s="93" t="s">
        <v>233</v>
      </c>
      <c r="E63" s="38" t="s">
        <v>336</v>
      </c>
      <c r="F63" s="93" t="s">
        <v>234</v>
      </c>
      <c r="G63" s="38" t="s">
        <v>337</v>
      </c>
      <c r="H63" s="93" t="s">
        <v>235</v>
      </c>
      <c r="I63" s="65" t="s">
        <v>115</v>
      </c>
      <c r="J63" s="65" t="s">
        <v>335</v>
      </c>
      <c r="K63" s="92" t="s">
        <v>233</v>
      </c>
      <c r="L63" s="65" t="s">
        <v>336</v>
      </c>
      <c r="M63" s="92" t="s">
        <v>234</v>
      </c>
      <c r="N63" s="65" t="s">
        <v>337</v>
      </c>
      <c r="O63" s="92" t="s">
        <v>235</v>
      </c>
      <c r="P63" s="38" t="s">
        <v>115</v>
      </c>
      <c r="Q63" s="38" t="s">
        <v>335</v>
      </c>
      <c r="R63" s="93" t="s">
        <v>233</v>
      </c>
      <c r="S63" s="38" t="s">
        <v>336</v>
      </c>
      <c r="T63" s="93" t="s">
        <v>234</v>
      </c>
      <c r="U63" s="38" t="s">
        <v>337</v>
      </c>
      <c r="V63" s="93" t="s">
        <v>235</v>
      </c>
      <c r="W63" s="65" t="s">
        <v>115</v>
      </c>
      <c r="X63" s="65" t="s">
        <v>335</v>
      </c>
      <c r="Y63" s="92" t="s">
        <v>233</v>
      </c>
      <c r="Z63" s="65" t="s">
        <v>336</v>
      </c>
      <c r="AA63" s="92" t="s">
        <v>234</v>
      </c>
      <c r="AB63" s="65" t="s">
        <v>337</v>
      </c>
      <c r="AC63" s="92" t="s">
        <v>235</v>
      </c>
    </row>
    <row r="64" spans="1:29" ht="72">
      <c r="A64" s="41"/>
      <c r="B64" s="42" t="s">
        <v>118</v>
      </c>
      <c r="C64" s="42" t="s">
        <v>303</v>
      </c>
      <c r="D64" s="95" t="s">
        <v>148</v>
      </c>
      <c r="E64" s="42" t="s">
        <v>304</v>
      </c>
      <c r="F64" s="95" t="s">
        <v>148</v>
      </c>
      <c r="G64" s="42" t="s">
        <v>305</v>
      </c>
      <c r="H64" s="95" t="s">
        <v>148</v>
      </c>
      <c r="I64" s="68" t="s">
        <v>118</v>
      </c>
      <c r="J64" s="68" t="s">
        <v>303</v>
      </c>
      <c r="K64" s="94" t="s">
        <v>148</v>
      </c>
      <c r="L64" s="68" t="s">
        <v>304</v>
      </c>
      <c r="M64" s="94" t="s">
        <v>148</v>
      </c>
      <c r="N64" s="68" t="s">
        <v>305</v>
      </c>
      <c r="O64" s="94" t="s">
        <v>148</v>
      </c>
      <c r="P64" s="42" t="s">
        <v>118</v>
      </c>
      <c r="Q64" s="42" t="s">
        <v>303</v>
      </c>
      <c r="R64" s="95" t="s">
        <v>148</v>
      </c>
      <c r="S64" s="42" t="s">
        <v>304</v>
      </c>
      <c r="T64" s="95" t="s">
        <v>148</v>
      </c>
      <c r="U64" s="42" t="s">
        <v>305</v>
      </c>
      <c r="V64" s="95" t="s">
        <v>148</v>
      </c>
      <c r="W64" s="68" t="s">
        <v>118</v>
      </c>
      <c r="X64" s="68" t="s">
        <v>303</v>
      </c>
      <c r="Y64" s="94" t="s">
        <v>148</v>
      </c>
      <c r="Z64" s="68" t="s">
        <v>304</v>
      </c>
      <c r="AA64" s="94" t="s">
        <v>148</v>
      </c>
      <c r="AB64" s="68" t="s">
        <v>305</v>
      </c>
      <c r="AC64" s="94" t="s">
        <v>148</v>
      </c>
    </row>
    <row r="65" spans="1:29">
      <c r="A65" s="45" t="s">
        <v>444</v>
      </c>
      <c r="B65" s="210">
        <v>12853</v>
      </c>
      <c r="C65" s="216">
        <v>0.36685062133393742</v>
      </c>
      <c r="D65" s="98">
        <v>8.3309452934555699E-3</v>
      </c>
      <c r="E65" s="216">
        <v>0.16657368878837936</v>
      </c>
      <c r="F65" s="98">
        <v>6.4421556203094884E-3</v>
      </c>
      <c r="G65" s="216">
        <v>0.46657568987768322</v>
      </c>
      <c r="H65" s="98">
        <v>8.6235147663923477E-3</v>
      </c>
      <c r="I65" s="210">
        <v>12871</v>
      </c>
      <c r="J65" s="216">
        <v>0.21628313968395768</v>
      </c>
      <c r="K65" s="98">
        <v>7.1127482149028866E-3</v>
      </c>
      <c r="L65" s="216">
        <v>0.14460879696740384</v>
      </c>
      <c r="M65" s="98">
        <v>6.0771492528029171E-3</v>
      </c>
      <c r="N65" s="216">
        <v>0.63910806334863846</v>
      </c>
      <c r="O65" s="98">
        <v>8.2960146133620061E-3</v>
      </c>
      <c r="P65" s="210">
        <v>12870</v>
      </c>
      <c r="Q65" s="216">
        <v>0.57649452102634169</v>
      </c>
      <c r="R65" s="98">
        <v>8.5355136481679861E-3</v>
      </c>
      <c r="S65" s="216">
        <v>9.4577967445023087E-2</v>
      </c>
      <c r="T65" s="98">
        <v>5.057997899606515E-3</v>
      </c>
      <c r="U65" s="216">
        <v>0.32892751152863525</v>
      </c>
      <c r="V65" s="98">
        <v>8.11618659223611E-3</v>
      </c>
      <c r="W65" s="210">
        <v>12809</v>
      </c>
      <c r="X65" s="216">
        <v>0.62314731330448947</v>
      </c>
      <c r="Y65" s="98">
        <v>8.3911325917231244E-3</v>
      </c>
      <c r="Z65" s="216">
        <v>8.0985929483572916E-2</v>
      </c>
      <c r="AA65" s="98">
        <v>4.7273316186473586E-3</v>
      </c>
      <c r="AB65" s="216">
        <v>0.29586675721193767</v>
      </c>
      <c r="AC65" s="98">
        <v>7.903751570617977E-3</v>
      </c>
    </row>
    <row r="66" spans="1:29">
      <c r="A66" s="49" t="s">
        <v>445</v>
      </c>
      <c r="B66" s="213">
        <v>1017</v>
      </c>
      <c r="C66" s="217">
        <v>0.33991324663296701</v>
      </c>
      <c r="D66" s="101">
        <v>2.906843333070553E-2</v>
      </c>
      <c r="E66" s="217">
        <v>0.14806184346041842</v>
      </c>
      <c r="F66" s="101">
        <v>2.1869047878037833E-2</v>
      </c>
      <c r="G66" s="217">
        <v>0.51202490990661464</v>
      </c>
      <c r="H66" s="101">
        <v>3.0661158093285394E-2</v>
      </c>
      <c r="I66" s="213">
        <v>1017</v>
      </c>
      <c r="J66" s="217">
        <v>0.18576501036736279</v>
      </c>
      <c r="K66" s="101">
        <v>2.3916949526850508E-2</v>
      </c>
      <c r="L66" s="217">
        <v>0.13159446343313616</v>
      </c>
      <c r="M66" s="101">
        <v>2.0831990825896988E-2</v>
      </c>
      <c r="N66" s="217">
        <v>0.68264052619950111</v>
      </c>
      <c r="O66" s="101">
        <v>2.856776587303083E-2</v>
      </c>
      <c r="P66" s="213">
        <v>1021</v>
      </c>
      <c r="Q66" s="217">
        <v>0.52558017624610998</v>
      </c>
      <c r="R66" s="101">
        <v>3.0570284435793269E-2</v>
      </c>
      <c r="S66" s="217">
        <v>9.9588825207050771E-2</v>
      </c>
      <c r="T66" s="101">
        <v>1.8459646120082444E-2</v>
      </c>
      <c r="U66" s="217">
        <v>0.37483099854683932</v>
      </c>
      <c r="V66" s="101">
        <v>2.9643103424470397E-2</v>
      </c>
      <c r="W66" s="213">
        <v>1016</v>
      </c>
      <c r="X66" s="217">
        <v>0.57346939293480537</v>
      </c>
      <c r="Y66" s="101">
        <v>3.0354544084354999E-2</v>
      </c>
      <c r="Z66" s="217">
        <v>0.10155712978584697</v>
      </c>
      <c r="AA66" s="101">
        <v>1.8663537200437792E-2</v>
      </c>
      <c r="AB66" s="217">
        <v>0.32497347727934772</v>
      </c>
      <c r="AC66" s="101">
        <v>2.8759253294262058E-2</v>
      </c>
    </row>
    <row r="67" spans="1:29">
      <c r="A67" s="53" t="s">
        <v>446</v>
      </c>
      <c r="B67" s="54">
        <v>129</v>
      </c>
      <c r="C67" s="187">
        <v>0.36172748827267093</v>
      </c>
      <c r="D67" s="98">
        <v>8.1862844849542662E-2</v>
      </c>
      <c r="E67" s="187">
        <v>0.16657127722084303</v>
      </c>
      <c r="F67" s="98">
        <v>6.4808245983006191E-2</v>
      </c>
      <c r="G67" s="187">
        <v>0.47170123450648604</v>
      </c>
      <c r="H67" s="98">
        <v>8.4848641672966865E-2</v>
      </c>
      <c r="I67" s="54">
        <v>128</v>
      </c>
      <c r="J67" s="187">
        <v>0.18369797020125608</v>
      </c>
      <c r="K67" s="98">
        <v>6.7363778128867485E-2</v>
      </c>
      <c r="L67" s="187">
        <v>0.18191061174054277</v>
      </c>
      <c r="M67" s="98">
        <v>6.7133067741460731E-2</v>
      </c>
      <c r="N67" s="187">
        <v>0.6343914180582011</v>
      </c>
      <c r="O67" s="98">
        <v>8.2349863203364418E-2</v>
      </c>
      <c r="P67" s="54">
        <v>129</v>
      </c>
      <c r="Q67" s="187">
        <v>0.50368871338567589</v>
      </c>
      <c r="R67" s="98">
        <v>8.4974601499915828E-2</v>
      </c>
      <c r="S67" s="187">
        <v>0.16671554238365513</v>
      </c>
      <c r="T67" s="98">
        <v>6.4828406856396639E-2</v>
      </c>
      <c r="U67" s="187">
        <v>0.32959574423066895</v>
      </c>
      <c r="V67" s="98">
        <v>8.019984643154178E-2</v>
      </c>
      <c r="W67" s="54">
        <v>128</v>
      </c>
      <c r="X67" s="187">
        <v>0.616680699861895</v>
      </c>
      <c r="Y67" s="98">
        <v>8.30854210038139E-2</v>
      </c>
      <c r="Z67" s="187">
        <v>0.1301332040755806</v>
      </c>
      <c r="AA67" s="98">
        <v>5.9431120634828513E-2</v>
      </c>
      <c r="AB67" s="187">
        <v>0.2531860960625244</v>
      </c>
      <c r="AC67" s="98">
        <v>7.4891281870208937E-2</v>
      </c>
    </row>
    <row r="68" spans="1:29">
      <c r="A68" s="49" t="s">
        <v>447</v>
      </c>
      <c r="B68" s="213">
        <v>67</v>
      </c>
      <c r="C68" s="217">
        <v>0.32061060760141202</v>
      </c>
      <c r="D68" s="101">
        <v>0.10943596482975214</v>
      </c>
      <c r="E68" s="217">
        <v>9.1159228923485769E-2</v>
      </c>
      <c r="F68" s="101">
        <v>7.3980179987688605E-2</v>
      </c>
      <c r="G68" s="217">
        <v>0.58823016347510215</v>
      </c>
      <c r="H68" s="101">
        <v>0.11468078822011951</v>
      </c>
      <c r="I68" s="213">
        <v>67</v>
      </c>
      <c r="J68" s="217">
        <v>0.16708551586247183</v>
      </c>
      <c r="K68" s="101">
        <v>9.047998369458693E-2</v>
      </c>
      <c r="L68" s="217">
        <v>0.10673386830635137</v>
      </c>
      <c r="M68" s="101">
        <v>7.7942186977339567E-2</v>
      </c>
      <c r="N68" s="217">
        <v>0.72618061583117677</v>
      </c>
      <c r="O68" s="101">
        <v>0.10517542962942737</v>
      </c>
      <c r="P68" s="213">
        <v>67</v>
      </c>
      <c r="Q68" s="217">
        <v>0.58369406288009451</v>
      </c>
      <c r="R68" s="101">
        <v>0.11484449848804766</v>
      </c>
      <c r="S68" s="217">
        <v>8.5498832181737094E-2</v>
      </c>
      <c r="T68" s="101">
        <v>7.2446646864068889E-2</v>
      </c>
      <c r="U68" s="217">
        <v>0.33080710493816845</v>
      </c>
      <c r="V68" s="101">
        <v>0.11021563095373159</v>
      </c>
      <c r="W68" s="213">
        <v>67</v>
      </c>
      <c r="X68" s="217">
        <v>0.57859250518158301</v>
      </c>
      <c r="Y68" s="101">
        <v>0.11501804020188626</v>
      </c>
      <c r="Z68" s="217">
        <v>2.1195479748857937E-2</v>
      </c>
      <c r="AA68" s="101">
        <v>4.9807707250981166E-2</v>
      </c>
      <c r="AB68" s="217">
        <v>0.40021201506955895</v>
      </c>
      <c r="AC68" s="101">
        <v>0.11422337494648045</v>
      </c>
    </row>
    <row r="69" spans="1:29">
      <c r="A69" s="57" t="s">
        <v>448</v>
      </c>
      <c r="B69" s="210">
        <v>288</v>
      </c>
      <c r="C69" s="216">
        <v>0.29952763690080914</v>
      </c>
      <c r="D69" s="98">
        <v>5.2675349744603646E-2</v>
      </c>
      <c r="E69" s="216">
        <v>0.14813807326017614</v>
      </c>
      <c r="F69" s="98">
        <v>4.128604981747154E-2</v>
      </c>
      <c r="G69" s="216">
        <v>0.55233428983901478</v>
      </c>
      <c r="H69" s="98">
        <v>5.7043741246339229E-2</v>
      </c>
      <c r="I69" s="210">
        <v>287</v>
      </c>
      <c r="J69" s="216">
        <v>0.22814135904777244</v>
      </c>
      <c r="K69" s="98">
        <v>4.8490271265156822E-2</v>
      </c>
      <c r="L69" s="216">
        <v>0.14714247984779891</v>
      </c>
      <c r="M69" s="98">
        <v>4.1249700703174061E-2</v>
      </c>
      <c r="N69" s="216">
        <v>0.62471616110442862</v>
      </c>
      <c r="O69" s="98">
        <v>5.5683157597302801E-2</v>
      </c>
      <c r="P69" s="210">
        <v>287</v>
      </c>
      <c r="Q69" s="216">
        <v>0.57034817841691332</v>
      </c>
      <c r="R69" s="98">
        <v>5.689284248716181E-2</v>
      </c>
      <c r="S69" s="216">
        <v>6.3079394420477497E-2</v>
      </c>
      <c r="T69" s="98">
        <v>2.9137815156597378E-2</v>
      </c>
      <c r="U69" s="216">
        <v>0.36657242716260924</v>
      </c>
      <c r="V69" s="98">
        <v>5.5423256588086903E-2</v>
      </c>
      <c r="W69" s="210">
        <v>286</v>
      </c>
      <c r="X69" s="216">
        <v>0.62780750509739736</v>
      </c>
      <c r="Y69" s="98">
        <v>5.5689023639776451E-2</v>
      </c>
      <c r="Z69" s="216">
        <v>9.0147437308018177E-2</v>
      </c>
      <c r="AA69" s="98">
        <v>3.3874527470605001E-2</v>
      </c>
      <c r="AB69" s="216">
        <v>0.28204505759458448</v>
      </c>
      <c r="AC69" s="98">
        <v>5.1958432513520315E-2</v>
      </c>
    </row>
    <row r="70" spans="1:29">
      <c r="A70" s="49" t="s">
        <v>449</v>
      </c>
      <c r="B70" s="213">
        <v>302</v>
      </c>
      <c r="C70" s="217">
        <v>0.35944052169661345</v>
      </c>
      <c r="D70" s="101">
        <v>5.3823511447470301E-2</v>
      </c>
      <c r="E70" s="217">
        <v>0.16892907448335281</v>
      </c>
      <c r="F70" s="101">
        <v>4.2405854344946176E-2</v>
      </c>
      <c r="G70" s="217">
        <v>0.47163040382003379</v>
      </c>
      <c r="H70" s="101">
        <v>5.5934966150940818E-2</v>
      </c>
      <c r="I70" s="213">
        <v>302</v>
      </c>
      <c r="J70" s="217">
        <v>0.18346255615558979</v>
      </c>
      <c r="K70" s="101">
        <v>4.374183520078713E-2</v>
      </c>
      <c r="L70" s="217">
        <v>0.11695048143870318</v>
      </c>
      <c r="M70" s="101">
        <v>3.6665502049305979E-2</v>
      </c>
      <c r="N70" s="217">
        <v>0.69958696240570706</v>
      </c>
      <c r="O70" s="101">
        <v>5.14922631794573E-2</v>
      </c>
      <c r="P70" s="213">
        <v>304</v>
      </c>
      <c r="Q70" s="217">
        <v>0.52149553457520248</v>
      </c>
      <c r="R70" s="101">
        <v>5.5790388188083614E-2</v>
      </c>
      <c r="S70" s="217">
        <v>7.3197508258312741E-2</v>
      </c>
      <c r="T70" s="101">
        <v>3.0079494193029868E-2</v>
      </c>
      <c r="U70" s="217">
        <v>0.40530695716648474</v>
      </c>
      <c r="V70" s="101">
        <v>5.4856428853833607E-2</v>
      </c>
      <c r="W70" s="213">
        <v>303</v>
      </c>
      <c r="X70" s="217">
        <v>0.50667085942062395</v>
      </c>
      <c r="Y70" s="101">
        <v>5.5926704976515716E-2</v>
      </c>
      <c r="Z70" s="217">
        <v>0.14342802187488424</v>
      </c>
      <c r="AA70" s="101">
        <v>3.9730782275048428E-2</v>
      </c>
      <c r="AB70" s="217">
        <v>0.34990111870449186</v>
      </c>
      <c r="AC70" s="101">
        <v>5.342017958650213E-2</v>
      </c>
    </row>
    <row r="71" spans="1:29">
      <c r="A71" s="57" t="s">
        <v>450</v>
      </c>
      <c r="B71" s="210">
        <v>174</v>
      </c>
      <c r="C71" s="216">
        <v>0.36766501618211389</v>
      </c>
      <c r="D71" s="98">
        <v>7.0953120773714351E-2</v>
      </c>
      <c r="E71" s="216">
        <v>0.1281919972276839</v>
      </c>
      <c r="F71" s="98">
        <v>5.0443686193966282E-2</v>
      </c>
      <c r="G71" s="216">
        <v>0.50414298659020218</v>
      </c>
      <c r="H71" s="98">
        <v>7.345169595607072E-2</v>
      </c>
      <c r="I71" s="210">
        <v>175</v>
      </c>
      <c r="J71" s="216">
        <v>0.16037727545114663</v>
      </c>
      <c r="K71" s="98">
        <v>5.4766049179856731E-2</v>
      </c>
      <c r="L71" s="216">
        <v>5.5031461889425454E-2</v>
      </c>
      <c r="M71" s="98">
        <v>3.6108876704536601E-2</v>
      </c>
      <c r="N71" s="216">
        <v>0.78459126265942791</v>
      </c>
      <c r="O71" s="98">
        <v>6.0860254081064984E-2</v>
      </c>
      <c r="P71" s="210">
        <v>176</v>
      </c>
      <c r="Q71" s="216">
        <v>0.36693577997554455</v>
      </c>
      <c r="R71" s="98">
        <v>7.0528552351904458E-2</v>
      </c>
      <c r="S71" s="216">
        <v>0.14980027276844707</v>
      </c>
      <c r="T71" s="98">
        <v>5.3227674148532543E-2</v>
      </c>
      <c r="U71" s="216">
        <v>0.48326394725600835</v>
      </c>
      <c r="V71" s="98">
        <v>7.3005756119586304E-2</v>
      </c>
      <c r="W71" s="210">
        <v>175</v>
      </c>
      <c r="X71" s="216">
        <v>0.57167152536597243</v>
      </c>
      <c r="Y71" s="98">
        <v>7.2525800948566727E-2</v>
      </c>
      <c r="Z71" s="216">
        <v>6.9347461083639497E-2</v>
      </c>
      <c r="AA71" s="98">
        <v>3.9509358707195193E-2</v>
      </c>
      <c r="AB71" s="216">
        <v>0.35898101355038803</v>
      </c>
      <c r="AC71" s="98">
        <v>7.0409050332404188E-2</v>
      </c>
    </row>
    <row r="79" spans="1:29" ht="18.75">
      <c r="A79" s="329" t="s">
        <v>34</v>
      </c>
      <c r="B79" s="329"/>
      <c r="C79" s="329"/>
      <c r="D79" s="329"/>
      <c r="E79" s="329"/>
      <c r="F79" s="329"/>
      <c r="G79" s="329"/>
      <c r="H79" s="329"/>
    </row>
    <row r="80" spans="1:29" ht="45.75" customHeight="1">
      <c r="A80" s="355" t="s">
        <v>400</v>
      </c>
      <c r="B80" s="355"/>
      <c r="C80" s="355"/>
      <c r="D80" s="355"/>
      <c r="E80" s="355"/>
      <c r="F80" s="355"/>
      <c r="G80" s="355"/>
      <c r="H80" s="355"/>
    </row>
    <row r="81" spans="1:8" ht="34.5" customHeight="1">
      <c r="A81" s="328" t="s">
        <v>401</v>
      </c>
      <c r="B81" s="328"/>
      <c r="C81" s="328"/>
      <c r="D81" s="328"/>
      <c r="E81" s="328"/>
      <c r="F81" s="328"/>
      <c r="G81" s="328"/>
      <c r="H81" s="328"/>
    </row>
    <row r="82" spans="1:8" ht="37.5" customHeight="1">
      <c r="A82" s="113" t="s">
        <v>114</v>
      </c>
      <c r="B82" s="38" t="s">
        <v>115</v>
      </c>
      <c r="C82" s="38" t="s">
        <v>399</v>
      </c>
      <c r="D82" s="93" t="s">
        <v>236</v>
      </c>
      <c r="E82" s="38" t="s">
        <v>237</v>
      </c>
      <c r="F82" s="93" t="s">
        <v>238</v>
      </c>
      <c r="G82" s="38" t="s">
        <v>239</v>
      </c>
      <c r="H82" s="93" t="s">
        <v>240</v>
      </c>
    </row>
    <row r="83" spans="1:8" ht="72">
      <c r="A83" s="114"/>
      <c r="B83" s="42" t="s">
        <v>118</v>
      </c>
      <c r="C83" s="42" t="s">
        <v>338</v>
      </c>
      <c r="D83" s="95" t="s">
        <v>148</v>
      </c>
      <c r="E83" s="42" t="s">
        <v>339</v>
      </c>
      <c r="F83" s="95" t="s">
        <v>148</v>
      </c>
      <c r="G83" s="42" t="s">
        <v>340</v>
      </c>
      <c r="H83" s="95" t="s">
        <v>148</v>
      </c>
    </row>
    <row r="84" spans="1:8">
      <c r="A84" s="45" t="s">
        <v>444</v>
      </c>
      <c r="B84" s="218">
        <v>12888</v>
      </c>
      <c r="C84" s="219">
        <v>0.26570686697183238</v>
      </c>
      <c r="D84" s="98">
        <v>7.6255284882688129E-3</v>
      </c>
      <c r="E84" s="219">
        <v>0.31019510338418393</v>
      </c>
      <c r="F84" s="98">
        <v>7.9854466156415258E-3</v>
      </c>
      <c r="G84" s="219">
        <v>0.42409802964398363</v>
      </c>
      <c r="H84" s="98">
        <v>8.531129027981213E-3</v>
      </c>
    </row>
    <row r="85" spans="1:8">
      <c r="A85" s="49" t="s">
        <v>445</v>
      </c>
      <c r="B85" s="220">
        <v>1021</v>
      </c>
      <c r="C85" s="221">
        <v>0.23781262505539072</v>
      </c>
      <c r="D85" s="101">
        <v>2.6102555348892768E-2</v>
      </c>
      <c r="E85" s="221">
        <v>0.31975538214527499</v>
      </c>
      <c r="F85" s="101">
        <v>2.8568545338483509E-2</v>
      </c>
      <c r="G85" s="221">
        <v>0.44243199279933432</v>
      </c>
      <c r="H85" s="101">
        <v>3.0408083336510627E-2</v>
      </c>
    </row>
    <row r="86" spans="1:8">
      <c r="A86" s="53" t="s">
        <v>446</v>
      </c>
      <c r="B86" s="54">
        <v>129</v>
      </c>
      <c r="C86" s="187">
        <v>0.2545423979212742</v>
      </c>
      <c r="D86" s="98">
        <v>7.4725486450199052E-2</v>
      </c>
      <c r="E86" s="187">
        <v>0.30017557481620505</v>
      </c>
      <c r="F86" s="98">
        <v>7.8332895523404972E-2</v>
      </c>
      <c r="G86" s="187">
        <v>0.44528202726252075</v>
      </c>
      <c r="H86" s="98">
        <v>8.4496717752026135E-2</v>
      </c>
    </row>
    <row r="87" spans="1:8">
      <c r="A87" s="119" t="s">
        <v>447</v>
      </c>
      <c r="B87" s="220">
        <v>67</v>
      </c>
      <c r="C87" s="221">
        <v>0.26435811166978435</v>
      </c>
      <c r="D87" s="101">
        <v>0.10416977623210669</v>
      </c>
      <c r="E87" s="221">
        <v>0.44836539351839572</v>
      </c>
      <c r="F87" s="101">
        <v>0.11575102767321502</v>
      </c>
      <c r="G87" s="221">
        <v>0.28727649481181988</v>
      </c>
      <c r="H87" s="101">
        <v>0.10651973288294264</v>
      </c>
    </row>
    <row r="88" spans="1:8">
      <c r="A88" s="120" t="s">
        <v>448</v>
      </c>
      <c r="B88" s="218">
        <v>287</v>
      </c>
      <c r="C88" s="219">
        <v>0.18466742974134023</v>
      </c>
      <c r="D88" s="98">
        <v>4.4983431151916088E-2</v>
      </c>
      <c r="E88" s="219">
        <v>0.32748283349963231</v>
      </c>
      <c r="F88" s="98">
        <v>5.4020081766091653E-2</v>
      </c>
      <c r="G88" s="219">
        <v>0.48784973675902749</v>
      </c>
      <c r="H88" s="98">
        <v>5.7432115999147923E-2</v>
      </c>
    </row>
    <row r="89" spans="1:8">
      <c r="A89" s="119" t="s">
        <v>449</v>
      </c>
      <c r="B89" s="220">
        <v>304</v>
      </c>
      <c r="C89" s="221">
        <v>0.2735958301078712</v>
      </c>
      <c r="D89" s="101">
        <v>4.9953403537342962E-2</v>
      </c>
      <c r="E89" s="221">
        <v>0.29840192019043021</v>
      </c>
      <c r="F89" s="101">
        <v>5.122840038424039E-2</v>
      </c>
      <c r="G89" s="221">
        <v>0.42800224970169864</v>
      </c>
      <c r="H89" s="101">
        <v>5.5273824505275529E-2</v>
      </c>
    </row>
    <row r="90" spans="1:8">
      <c r="A90" s="120" t="s">
        <v>450</v>
      </c>
      <c r="B90" s="218">
        <v>176</v>
      </c>
      <c r="C90" s="219">
        <v>0.1744311542501891</v>
      </c>
      <c r="D90" s="98">
        <v>5.6327692409056072E-2</v>
      </c>
      <c r="E90" s="219">
        <v>0.20049721991695929</v>
      </c>
      <c r="F90" s="98">
        <v>5.9205220099322386E-2</v>
      </c>
      <c r="G90" s="219">
        <v>0.62507162583285159</v>
      </c>
      <c r="H90" s="98">
        <v>7.0826366357341075E-2</v>
      </c>
    </row>
    <row r="98" spans="1:4" ht="18.75">
      <c r="A98" s="329" t="s">
        <v>17</v>
      </c>
      <c r="B98" s="329"/>
      <c r="C98" s="329"/>
      <c r="D98" s="329"/>
    </row>
    <row r="99" spans="1:4" ht="117.75" customHeight="1">
      <c r="A99" s="355" t="s">
        <v>403</v>
      </c>
      <c r="B99" s="355"/>
      <c r="C99" s="355"/>
      <c r="D99" s="355"/>
    </row>
    <row r="100" spans="1:4" ht="36" customHeight="1">
      <c r="A100" s="328" t="s">
        <v>18</v>
      </c>
      <c r="B100" s="328"/>
      <c r="C100" s="328"/>
      <c r="D100" s="328"/>
    </row>
    <row r="101" spans="1:4" ht="39.75" customHeight="1">
      <c r="A101" s="37" t="s">
        <v>114</v>
      </c>
      <c r="B101" s="38" t="s">
        <v>115</v>
      </c>
      <c r="C101" s="39" t="s">
        <v>116</v>
      </c>
      <c r="D101" s="40" t="s">
        <v>117</v>
      </c>
    </row>
    <row r="102" spans="1:4" ht="72">
      <c r="A102" s="41"/>
      <c r="B102" s="42" t="s">
        <v>118</v>
      </c>
      <c r="C102" s="134" t="s">
        <v>241</v>
      </c>
      <c r="D102" s="44" t="s">
        <v>120</v>
      </c>
    </row>
    <row r="103" spans="1:4">
      <c r="A103" s="45" t="s">
        <v>444</v>
      </c>
      <c r="B103" s="222">
        <v>11371</v>
      </c>
      <c r="C103" s="223">
        <v>5.3988850611289196</v>
      </c>
      <c r="D103" s="137">
        <v>4.1344082972676333E-2</v>
      </c>
    </row>
    <row r="104" spans="1:4">
      <c r="A104" s="49" t="s">
        <v>445</v>
      </c>
      <c r="B104" s="224">
        <v>906</v>
      </c>
      <c r="C104" s="225">
        <v>5.4250553644305288</v>
      </c>
      <c r="D104" s="141">
        <v>0.15707334019951702</v>
      </c>
    </row>
    <row r="105" spans="1:4">
      <c r="A105" s="53" t="s">
        <v>446</v>
      </c>
      <c r="B105" s="83">
        <v>118</v>
      </c>
      <c r="C105" s="84">
        <v>5.12804585514266</v>
      </c>
      <c r="D105" s="85">
        <v>0.40919783658500375</v>
      </c>
    </row>
    <row r="106" spans="1:4">
      <c r="A106" s="49" t="s">
        <v>447</v>
      </c>
      <c r="B106" s="224">
        <v>60</v>
      </c>
      <c r="C106" s="225">
        <v>5.2469060627679189</v>
      </c>
      <c r="D106" s="141">
        <v>0.44276998294333758</v>
      </c>
    </row>
    <row r="107" spans="1:4">
      <c r="A107" s="57" t="s">
        <v>448</v>
      </c>
      <c r="B107" s="222">
        <v>259</v>
      </c>
      <c r="C107" s="223">
        <v>5.3858806462567079</v>
      </c>
      <c r="D107" s="137">
        <v>0.24038260703957448</v>
      </c>
    </row>
    <row r="108" spans="1:4">
      <c r="A108" s="49" t="s">
        <v>449</v>
      </c>
      <c r="B108" s="224">
        <v>283</v>
      </c>
      <c r="C108" s="225">
        <v>5.5965092850460234</v>
      </c>
      <c r="D108" s="141">
        <v>0.26407910574019411</v>
      </c>
    </row>
    <row r="109" spans="1:4">
      <c r="A109" s="57" t="s">
        <v>450</v>
      </c>
      <c r="B109" s="222">
        <v>157</v>
      </c>
      <c r="C109" s="223">
        <v>5.9949941795896935</v>
      </c>
      <c r="D109" s="137">
        <v>0.29718194135426668</v>
      </c>
    </row>
    <row r="117" spans="1:22" ht="18.75">
      <c r="A117" s="329" t="s">
        <v>57</v>
      </c>
      <c r="B117" s="329"/>
      <c r="C117" s="329"/>
      <c r="D117" s="329"/>
      <c r="E117" s="329"/>
      <c r="F117" s="329"/>
      <c r="G117" s="329"/>
      <c r="H117" s="329"/>
      <c r="I117" s="329"/>
      <c r="J117" s="329"/>
      <c r="K117" s="329"/>
      <c r="L117" s="329"/>
      <c r="M117" s="329"/>
      <c r="N117" s="329"/>
      <c r="O117" s="329"/>
      <c r="P117" s="329"/>
      <c r="Q117" s="329"/>
      <c r="R117" s="329"/>
      <c r="S117" s="329"/>
      <c r="T117" s="329"/>
      <c r="U117" s="329"/>
      <c r="V117" s="329"/>
    </row>
    <row r="118" spans="1:22" ht="58.5" customHeight="1">
      <c r="A118" s="360" t="s">
        <v>402</v>
      </c>
      <c r="B118" s="360"/>
      <c r="C118" s="360"/>
      <c r="D118" s="360"/>
      <c r="E118" s="360"/>
      <c r="F118" s="360"/>
      <c r="G118" s="360"/>
      <c r="H118" s="360"/>
      <c r="I118" s="360"/>
      <c r="J118" s="360"/>
      <c r="K118" s="360"/>
      <c r="L118" s="360"/>
      <c r="M118" s="360"/>
      <c r="N118" s="360"/>
      <c r="O118" s="360"/>
      <c r="P118" s="360"/>
      <c r="Q118" s="360"/>
      <c r="R118" s="360"/>
      <c r="S118" s="360"/>
      <c r="T118" s="360"/>
      <c r="U118" s="360"/>
      <c r="V118" s="360"/>
    </row>
    <row r="119" spans="1:22" ht="38.25" customHeight="1">
      <c r="A119" s="64"/>
      <c r="B119" s="354" t="s">
        <v>242</v>
      </c>
      <c r="C119" s="354"/>
      <c r="D119" s="354"/>
      <c r="E119" s="354"/>
      <c r="F119" s="354"/>
      <c r="G119" s="354"/>
      <c r="H119" s="354"/>
      <c r="I119" s="354" t="s">
        <v>243</v>
      </c>
      <c r="J119" s="354"/>
      <c r="K119" s="354"/>
      <c r="L119" s="354"/>
      <c r="M119" s="354"/>
      <c r="N119" s="354"/>
      <c r="O119" s="354"/>
      <c r="P119" s="354" t="s">
        <v>244</v>
      </c>
      <c r="Q119" s="354"/>
      <c r="R119" s="354"/>
      <c r="S119" s="354"/>
      <c r="T119" s="354"/>
      <c r="U119" s="354"/>
      <c r="V119" s="354"/>
    </row>
    <row r="120" spans="1:22" ht="40.5" customHeight="1">
      <c r="A120" s="37" t="s">
        <v>114</v>
      </c>
      <c r="B120" s="38" t="s">
        <v>115</v>
      </c>
      <c r="C120" s="38" t="s">
        <v>300</v>
      </c>
      <c r="D120" s="93" t="s">
        <v>145</v>
      </c>
      <c r="E120" s="38" t="s">
        <v>301</v>
      </c>
      <c r="F120" s="93" t="s">
        <v>146</v>
      </c>
      <c r="G120" s="38" t="s">
        <v>302</v>
      </c>
      <c r="H120" s="93" t="s">
        <v>147</v>
      </c>
      <c r="I120" s="65" t="s">
        <v>115</v>
      </c>
      <c r="J120" s="65" t="s">
        <v>300</v>
      </c>
      <c r="K120" s="92" t="s">
        <v>145</v>
      </c>
      <c r="L120" s="65" t="s">
        <v>301</v>
      </c>
      <c r="M120" s="92" t="s">
        <v>146</v>
      </c>
      <c r="N120" s="65" t="s">
        <v>302</v>
      </c>
      <c r="O120" s="92" t="s">
        <v>147</v>
      </c>
      <c r="P120" s="38" t="s">
        <v>115</v>
      </c>
      <c r="Q120" s="38" t="s">
        <v>300</v>
      </c>
      <c r="R120" s="93" t="s">
        <v>145</v>
      </c>
      <c r="S120" s="38" t="s">
        <v>301</v>
      </c>
      <c r="T120" s="93" t="s">
        <v>146</v>
      </c>
      <c r="U120" s="38" t="s">
        <v>302</v>
      </c>
      <c r="V120" s="93" t="s">
        <v>147</v>
      </c>
    </row>
    <row r="121" spans="1:22" ht="72">
      <c r="A121" s="41"/>
      <c r="B121" s="42" t="s">
        <v>118</v>
      </c>
      <c r="C121" s="42" t="s">
        <v>303</v>
      </c>
      <c r="D121" s="95" t="s">
        <v>245</v>
      </c>
      <c r="E121" s="42" t="s">
        <v>304</v>
      </c>
      <c r="F121" s="95" t="s">
        <v>148</v>
      </c>
      <c r="G121" s="42" t="s">
        <v>305</v>
      </c>
      <c r="H121" s="95" t="s">
        <v>148</v>
      </c>
      <c r="I121" s="68" t="s">
        <v>118</v>
      </c>
      <c r="J121" s="68" t="s">
        <v>303</v>
      </c>
      <c r="K121" s="94" t="s">
        <v>245</v>
      </c>
      <c r="L121" s="68" t="s">
        <v>304</v>
      </c>
      <c r="M121" s="94" t="s">
        <v>148</v>
      </c>
      <c r="N121" s="68" t="s">
        <v>305</v>
      </c>
      <c r="O121" s="94" t="s">
        <v>148</v>
      </c>
      <c r="P121" s="42" t="s">
        <v>118</v>
      </c>
      <c r="Q121" s="42" t="s">
        <v>303</v>
      </c>
      <c r="R121" s="95" t="s">
        <v>245</v>
      </c>
      <c r="S121" s="42" t="s">
        <v>304</v>
      </c>
      <c r="T121" s="95" t="s">
        <v>148</v>
      </c>
      <c r="U121" s="42" t="s">
        <v>305</v>
      </c>
      <c r="V121" s="95" t="s">
        <v>148</v>
      </c>
    </row>
    <row r="122" spans="1:22">
      <c r="A122" s="45" t="s">
        <v>444</v>
      </c>
      <c r="B122" s="222">
        <v>11740</v>
      </c>
      <c r="C122" s="226">
        <v>9.2130828846596499E-2</v>
      </c>
      <c r="D122" s="98">
        <v>5.2342700328665923E-3</v>
      </c>
      <c r="E122" s="226">
        <v>0.11912796694661311</v>
      </c>
      <c r="F122" s="98">
        <v>5.8615932611175694E-3</v>
      </c>
      <c r="G122" s="226">
        <v>0.78874120420679039</v>
      </c>
      <c r="H122" s="98">
        <v>7.3840852230217932E-3</v>
      </c>
      <c r="I122" s="222">
        <v>11687</v>
      </c>
      <c r="J122" s="226">
        <v>0.1326691139053737</v>
      </c>
      <c r="K122" s="98">
        <v>6.1515095670437699E-3</v>
      </c>
      <c r="L122" s="226">
        <v>0.14808854248957956</v>
      </c>
      <c r="M122" s="98">
        <v>6.4407136128708979E-3</v>
      </c>
      <c r="N122" s="226">
        <v>0.7192423436050468</v>
      </c>
      <c r="O122" s="98">
        <v>8.1464618892198686E-3</v>
      </c>
      <c r="P122" s="222">
        <v>11648</v>
      </c>
      <c r="Q122" s="226">
        <v>0.78455712421325263</v>
      </c>
      <c r="R122" s="98">
        <v>7.4663025482546675E-3</v>
      </c>
      <c r="S122" s="226">
        <v>8.6975179470640082E-2</v>
      </c>
      <c r="T122" s="98">
        <v>5.1205283237446891E-3</v>
      </c>
      <c r="U122" s="226">
        <v>0.12846769631610724</v>
      </c>
      <c r="V122" s="98">
        <v>6.0782455777715471E-3</v>
      </c>
    </row>
    <row r="123" spans="1:22">
      <c r="A123" s="49" t="s">
        <v>445</v>
      </c>
      <c r="B123" s="224">
        <v>926</v>
      </c>
      <c r="C123" s="227">
        <v>7.9360886711144038E-2</v>
      </c>
      <c r="D123" s="101">
        <v>1.7552143707393806E-2</v>
      </c>
      <c r="E123" s="227">
        <v>0.11604455345130754</v>
      </c>
      <c r="F123" s="101">
        <v>2.0711165179852175E-2</v>
      </c>
      <c r="G123" s="227">
        <v>0.80459455983754846</v>
      </c>
      <c r="H123" s="101">
        <v>2.5548687918059906E-2</v>
      </c>
      <c r="I123" s="224">
        <v>921</v>
      </c>
      <c r="J123" s="227">
        <v>0.13893750672256053</v>
      </c>
      <c r="K123" s="101">
        <v>2.2394678455449967E-2</v>
      </c>
      <c r="L123" s="227">
        <v>0.1435576323593282</v>
      </c>
      <c r="M123" s="101">
        <v>2.2697359327100583E-2</v>
      </c>
      <c r="N123" s="227">
        <v>0.71750486091811128</v>
      </c>
      <c r="O123" s="101">
        <v>2.90429056722032E-2</v>
      </c>
      <c r="P123" s="224">
        <v>921</v>
      </c>
      <c r="Q123" s="227">
        <v>0.78906798658074062</v>
      </c>
      <c r="R123" s="101">
        <v>2.6348291028290984E-2</v>
      </c>
      <c r="S123" s="227">
        <v>8.4346985219549878E-2</v>
      </c>
      <c r="T123" s="101">
        <v>1.8081627884446665E-2</v>
      </c>
      <c r="U123" s="227">
        <v>0.12658502819970949</v>
      </c>
      <c r="V123" s="101">
        <v>2.1544546390976901E-2</v>
      </c>
    </row>
    <row r="124" spans="1:22">
      <c r="A124" s="53" t="s">
        <v>446</v>
      </c>
      <c r="B124" s="54">
        <v>118</v>
      </c>
      <c r="C124" s="187">
        <v>9.6651434296939509E-2</v>
      </c>
      <c r="D124" s="98">
        <v>5.5494864165150988E-2</v>
      </c>
      <c r="E124" s="187">
        <v>0.19329142414698955</v>
      </c>
      <c r="F124" s="98">
        <v>7.1421668413412132E-2</v>
      </c>
      <c r="G124" s="187">
        <v>0.71005714155607091</v>
      </c>
      <c r="H124" s="98">
        <v>8.1070006822319796E-2</v>
      </c>
      <c r="I124" s="54">
        <v>117</v>
      </c>
      <c r="J124" s="187">
        <v>0.20750954417934878</v>
      </c>
      <c r="K124" s="98">
        <v>7.3468856738984012E-2</v>
      </c>
      <c r="L124" s="187">
        <v>0.20680652044628167</v>
      </c>
      <c r="M124" s="98">
        <v>7.3385627899283074E-2</v>
      </c>
      <c r="N124" s="187">
        <v>0.58568393537436947</v>
      </c>
      <c r="O124" s="98">
        <v>8.7859292577436382E-2</v>
      </c>
      <c r="P124" s="54">
        <v>118</v>
      </c>
      <c r="Q124" s="187">
        <v>0.7009217466273463</v>
      </c>
      <c r="R124" s="98">
        <v>8.1749269394441576E-2</v>
      </c>
      <c r="S124" s="187">
        <v>0.11721270813260916</v>
      </c>
      <c r="T124" s="98">
        <v>5.9630784805522814E-2</v>
      </c>
      <c r="U124" s="187">
        <v>0.18186554524004456</v>
      </c>
      <c r="V124" s="98">
        <v>6.9933868988670309E-2</v>
      </c>
    </row>
    <row r="125" spans="1:22">
      <c r="A125" s="49" t="s">
        <v>447</v>
      </c>
      <c r="B125" s="224">
        <v>60</v>
      </c>
      <c r="C125" s="227">
        <v>0.15115221512437252</v>
      </c>
      <c r="D125" s="101">
        <v>9.2661092352571375E-2</v>
      </c>
      <c r="E125" s="227">
        <v>9.6086002978576668E-2</v>
      </c>
      <c r="F125" s="101">
        <v>7.9995222549716263E-2</v>
      </c>
      <c r="G125" s="227">
        <v>0.75276178189705079</v>
      </c>
      <c r="H125" s="101">
        <v>0.1078690183170866</v>
      </c>
      <c r="I125" s="224">
        <v>60</v>
      </c>
      <c r="J125" s="227">
        <v>0.1684699868035984</v>
      </c>
      <c r="K125" s="101">
        <v>9.5956690342145989E-2</v>
      </c>
      <c r="L125" s="227">
        <v>9.9867958924376887E-2</v>
      </c>
      <c r="M125" s="101">
        <v>8.0991731993388313E-2</v>
      </c>
      <c r="N125" s="227">
        <v>0.73166205427202469</v>
      </c>
      <c r="O125" s="101">
        <v>0.11034019609182721</v>
      </c>
      <c r="P125" s="224">
        <v>60</v>
      </c>
      <c r="Q125" s="227">
        <v>0.75438787751064285</v>
      </c>
      <c r="R125" s="101">
        <v>0.10766716460028754</v>
      </c>
      <c r="S125" s="227">
        <v>0.12909409637655531</v>
      </c>
      <c r="T125" s="101">
        <v>8.8025544630814162E-2</v>
      </c>
      <c r="U125" s="227">
        <v>0.11651802611280186</v>
      </c>
      <c r="V125" s="101">
        <v>8.5135096417621167E-2</v>
      </c>
    </row>
    <row r="126" spans="1:22">
      <c r="A126" s="57" t="s">
        <v>448</v>
      </c>
      <c r="B126" s="222">
        <v>258</v>
      </c>
      <c r="C126" s="226">
        <v>7.936063314694719E-2</v>
      </c>
      <c r="D126" s="98">
        <v>3.3910156065830317E-2</v>
      </c>
      <c r="E126" s="226">
        <v>8.9792404575466334E-2</v>
      </c>
      <c r="F126" s="98">
        <v>3.5680969940422011E-2</v>
      </c>
      <c r="G126" s="226">
        <v>0.83084696227758648</v>
      </c>
      <c r="H126" s="98">
        <v>4.5927309951960947E-2</v>
      </c>
      <c r="I126" s="222">
        <v>255</v>
      </c>
      <c r="J126" s="226">
        <v>0.11951148562770382</v>
      </c>
      <c r="K126" s="98">
        <v>4.033123593452987E-2</v>
      </c>
      <c r="L126" s="226">
        <v>0.1401125703185967</v>
      </c>
      <c r="M126" s="98">
        <v>4.2964020531882141E-2</v>
      </c>
      <c r="N126" s="226">
        <v>0.74037594405369955</v>
      </c>
      <c r="O126" s="98">
        <v>5.3640924654108905E-2</v>
      </c>
      <c r="P126" s="222">
        <v>258</v>
      </c>
      <c r="Q126" s="226">
        <v>0.79074188072164742</v>
      </c>
      <c r="R126" s="98">
        <v>4.9636317100923845E-2</v>
      </c>
      <c r="S126" s="226">
        <v>7.315941968238214E-2</v>
      </c>
      <c r="T126" s="98">
        <v>3.2789873004054546E-2</v>
      </c>
      <c r="U126" s="226">
        <v>0.1360986995959704</v>
      </c>
      <c r="V126" s="98">
        <v>4.2223245256788437E-2</v>
      </c>
    </row>
    <row r="127" spans="1:22">
      <c r="A127" s="49" t="s">
        <v>449</v>
      </c>
      <c r="B127" s="224">
        <v>283</v>
      </c>
      <c r="C127" s="227">
        <v>4.3026730644117023E-2</v>
      </c>
      <c r="D127" s="101">
        <v>2.5070302025999702E-2</v>
      </c>
      <c r="E127" s="227">
        <v>0.10725522572780066</v>
      </c>
      <c r="F127" s="101">
        <v>3.6589892050359563E-2</v>
      </c>
      <c r="G127" s="227">
        <v>0.84971804362808234</v>
      </c>
      <c r="H127" s="101">
        <v>4.1887819998442925E-2</v>
      </c>
      <c r="I127" s="224">
        <v>282</v>
      </c>
      <c r="J127" s="227">
        <v>0.10340442794786324</v>
      </c>
      <c r="K127" s="101">
        <v>3.6111027180431049E-2</v>
      </c>
      <c r="L127" s="227">
        <v>0.15323541309608585</v>
      </c>
      <c r="M127" s="101">
        <v>4.2281735839488431E-2</v>
      </c>
      <c r="N127" s="227">
        <v>0.7433601589560509</v>
      </c>
      <c r="O127" s="101">
        <v>5.083925056342449E-2</v>
      </c>
      <c r="P127" s="224">
        <v>280</v>
      </c>
      <c r="Q127" s="227">
        <v>0.84112524288323709</v>
      </c>
      <c r="R127" s="101">
        <v>4.3030881669637255E-2</v>
      </c>
      <c r="S127" s="227">
        <v>6.979859046085056E-2</v>
      </c>
      <c r="T127" s="101">
        <v>3.079401612200363E-2</v>
      </c>
      <c r="U127" s="227">
        <v>8.9076166655912295E-2</v>
      </c>
      <c r="V127" s="101">
        <v>3.4080360580162353E-2</v>
      </c>
    </row>
    <row r="128" spans="1:22">
      <c r="A128" s="57" t="s">
        <v>450</v>
      </c>
      <c r="B128" s="222">
        <v>157</v>
      </c>
      <c r="C128" s="226">
        <v>3.8597082739994661E-2</v>
      </c>
      <c r="D128" s="98">
        <v>3.3685169438461393E-2</v>
      </c>
      <c r="E128" s="226">
        <v>4.975446050234348E-2</v>
      </c>
      <c r="F128" s="98">
        <v>3.6952456287992472E-2</v>
      </c>
      <c r="G128" s="226">
        <v>0.91164845675766182</v>
      </c>
      <c r="H128" s="98">
        <v>4.6046735664008243E-2</v>
      </c>
      <c r="I128" s="222">
        <v>157</v>
      </c>
      <c r="J128" s="226">
        <v>8.8986444960052924E-2</v>
      </c>
      <c r="K128" s="98">
        <v>4.6175242825135583E-2</v>
      </c>
      <c r="L128" s="226">
        <v>2.8644056000929875E-2</v>
      </c>
      <c r="M128" s="98">
        <v>3.0398061429958045E-2</v>
      </c>
      <c r="N128" s="226">
        <v>0.88236949903901718</v>
      </c>
      <c r="O128" s="98">
        <v>5.1456764138859273E-2</v>
      </c>
      <c r="P128" s="222">
        <v>155</v>
      </c>
      <c r="Q128" s="226">
        <v>0.90076827845676788</v>
      </c>
      <c r="R128" s="98">
        <v>4.850177302640675E-2</v>
      </c>
      <c r="S128" s="226">
        <v>3.4340471353453144E-3</v>
      </c>
      <c r="T128" s="98">
        <v>1.9459353034142486E-2</v>
      </c>
      <c r="U128" s="226">
        <v>9.5797674407886765E-2</v>
      </c>
      <c r="V128" s="98">
        <v>4.7842990114194663E-2</v>
      </c>
    </row>
  </sheetData>
  <mergeCells count="28">
    <mergeCell ref="A100:D100"/>
    <mergeCell ref="B119:H119"/>
    <mergeCell ref="I119:O119"/>
    <mergeCell ref="P119:V119"/>
    <mergeCell ref="A118:V118"/>
    <mergeCell ref="A117:V117"/>
    <mergeCell ref="A79:H79"/>
    <mergeCell ref="A80:H80"/>
    <mergeCell ref="A81:H81"/>
    <mergeCell ref="A98:D98"/>
    <mergeCell ref="A99:D99"/>
    <mergeCell ref="A43:D43"/>
    <mergeCell ref="B62:H62"/>
    <mergeCell ref="I62:O62"/>
    <mergeCell ref="P62:V62"/>
    <mergeCell ref="W62:AC62"/>
    <mergeCell ref="A61:AC61"/>
    <mergeCell ref="A60:AC60"/>
    <mergeCell ref="B24:H24"/>
    <mergeCell ref="I24:O24"/>
    <mergeCell ref="P24:V24"/>
    <mergeCell ref="A41:D41"/>
    <mergeCell ref="A42:D42"/>
    <mergeCell ref="A3:D3"/>
    <mergeCell ref="A4:D4"/>
    <mergeCell ref="A5:D5"/>
    <mergeCell ref="A22:V22"/>
    <mergeCell ref="A23:V23"/>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261"/>
  <sheetViews>
    <sheetView workbookViewId="0"/>
  </sheetViews>
  <sheetFormatPr defaultColWidth="17.5703125" defaultRowHeight="15"/>
  <cols>
    <col min="1" max="1" width="29.7109375" customWidth="1"/>
  </cols>
  <sheetData>
    <row r="1" spans="1:4" ht="31.5">
      <c r="A1" s="33" t="s">
        <v>59</v>
      </c>
    </row>
    <row r="3" spans="1:4" ht="18.75">
      <c r="A3" s="329" t="s">
        <v>58</v>
      </c>
      <c r="B3" s="329"/>
      <c r="C3" s="329"/>
      <c r="D3" s="329"/>
    </row>
    <row r="4" spans="1:4" ht="186" customHeight="1">
      <c r="A4" s="361" t="s">
        <v>407</v>
      </c>
      <c r="B4" s="361"/>
      <c r="C4" s="361"/>
      <c r="D4" s="361"/>
    </row>
    <row r="5" spans="1:4" ht="15.75" customHeight="1">
      <c r="A5" s="328" t="s">
        <v>246</v>
      </c>
      <c r="B5" s="328"/>
      <c r="C5" s="328"/>
      <c r="D5" s="328"/>
    </row>
    <row r="6" spans="1:4" ht="43.5" customHeight="1">
      <c r="A6" s="37" t="s">
        <v>114</v>
      </c>
      <c r="B6" s="38" t="s">
        <v>115</v>
      </c>
      <c r="C6" s="39" t="s">
        <v>116</v>
      </c>
      <c r="D6" s="40" t="s">
        <v>117</v>
      </c>
    </row>
    <row r="7" spans="1:4" ht="72">
      <c r="A7" s="41"/>
      <c r="B7" s="42" t="s">
        <v>118</v>
      </c>
      <c r="C7" s="134" t="s">
        <v>247</v>
      </c>
      <c r="D7" s="44" t="s">
        <v>120</v>
      </c>
    </row>
    <row r="8" spans="1:4">
      <c r="A8" s="45" t="s">
        <v>444</v>
      </c>
      <c r="B8" s="228">
        <v>9453</v>
      </c>
      <c r="C8" s="229">
        <v>4.809817547309593</v>
      </c>
      <c r="D8" s="230">
        <v>4.926284671089487E-2</v>
      </c>
    </row>
    <row r="9" spans="1:4">
      <c r="A9" s="49" t="s">
        <v>445</v>
      </c>
      <c r="B9" s="231">
        <v>762</v>
      </c>
      <c r="C9" s="232">
        <v>4.6424680831459852</v>
      </c>
      <c r="D9" s="233">
        <v>0.16670557331580671</v>
      </c>
    </row>
    <row r="10" spans="1:4">
      <c r="A10" s="53" t="s">
        <v>446</v>
      </c>
      <c r="B10" s="83">
        <v>100</v>
      </c>
      <c r="C10" s="84">
        <v>4.7481058485194039</v>
      </c>
      <c r="D10" s="85">
        <v>0.37179403310437031</v>
      </c>
    </row>
    <row r="11" spans="1:4">
      <c r="A11" s="49" t="s">
        <v>447</v>
      </c>
      <c r="B11" s="231">
        <v>46</v>
      </c>
      <c r="C11" s="232">
        <v>3.8120084515468085</v>
      </c>
      <c r="D11" s="233">
        <v>0.47892620588268953</v>
      </c>
    </row>
    <row r="12" spans="1:4">
      <c r="A12" s="57" t="s">
        <v>448</v>
      </c>
      <c r="B12" s="228">
        <v>209</v>
      </c>
      <c r="C12" s="229">
        <v>4.7917766052096837</v>
      </c>
      <c r="D12" s="230">
        <v>0.26094841137043456</v>
      </c>
    </row>
    <row r="13" spans="1:4">
      <c r="A13" s="49" t="s">
        <v>449</v>
      </c>
      <c r="B13" s="231">
        <v>237</v>
      </c>
      <c r="C13" s="232">
        <v>4.9600316603970969</v>
      </c>
      <c r="D13" s="233">
        <v>0.28596488326445524</v>
      </c>
    </row>
    <row r="14" spans="1:4">
      <c r="A14" s="57" t="s">
        <v>450</v>
      </c>
      <c r="B14" s="228">
        <v>145</v>
      </c>
      <c r="C14" s="229">
        <v>4.1140824383310672</v>
      </c>
      <c r="D14" s="230">
        <v>0.26102634977347128</v>
      </c>
    </row>
    <row r="22" spans="1:43" ht="18.75">
      <c r="A22" s="329" t="s">
        <v>60</v>
      </c>
      <c r="B22" s="329"/>
      <c r="C22" s="329"/>
      <c r="D22" s="329"/>
      <c r="E22" s="329"/>
      <c r="F22" s="329"/>
      <c r="G22" s="329"/>
      <c r="H22" s="329"/>
      <c r="I22" s="329"/>
      <c r="J22" s="329"/>
      <c r="K22" s="329"/>
      <c r="L22" s="329"/>
      <c r="M22" s="329"/>
      <c r="N22" s="329"/>
      <c r="O22" s="329"/>
      <c r="P22" s="329"/>
      <c r="Q22" s="329"/>
      <c r="R22" s="329"/>
      <c r="S22" s="329"/>
      <c r="T22" s="329"/>
      <c r="U22" s="329"/>
      <c r="V22" s="329"/>
      <c r="W22" s="329"/>
      <c r="X22" s="329"/>
      <c r="Y22" s="329"/>
      <c r="Z22" s="329"/>
      <c r="AA22" s="329"/>
      <c r="AB22" s="329"/>
      <c r="AC22" s="329"/>
      <c r="AD22" s="329"/>
      <c r="AE22" s="329"/>
      <c r="AF22" s="329"/>
      <c r="AG22" s="329"/>
      <c r="AH22" s="329"/>
      <c r="AI22" s="329"/>
      <c r="AJ22" s="329"/>
      <c r="AK22" s="329"/>
      <c r="AL22" s="329"/>
      <c r="AM22" s="329"/>
      <c r="AN22" s="329"/>
      <c r="AO22" s="329"/>
      <c r="AP22" s="329"/>
      <c r="AQ22" s="329"/>
    </row>
    <row r="23" spans="1:43" ht="60" customHeight="1">
      <c r="A23" s="362" t="s">
        <v>406</v>
      </c>
      <c r="B23" s="361"/>
      <c r="C23" s="361"/>
      <c r="D23" s="361"/>
      <c r="E23" s="361"/>
      <c r="F23" s="361"/>
      <c r="G23" s="361"/>
      <c r="H23" s="361"/>
      <c r="I23" s="361"/>
      <c r="J23" s="361"/>
      <c r="K23" s="361"/>
      <c r="L23" s="361"/>
      <c r="M23" s="361"/>
      <c r="N23" s="361"/>
      <c r="O23" s="361"/>
      <c r="P23" s="361"/>
      <c r="Q23" s="361"/>
      <c r="R23" s="361"/>
      <c r="S23" s="361"/>
      <c r="T23" s="361"/>
      <c r="U23" s="361"/>
      <c r="V23" s="361"/>
      <c r="W23" s="361"/>
      <c r="X23" s="361"/>
      <c r="Y23" s="361"/>
      <c r="Z23" s="361"/>
      <c r="AA23" s="361"/>
      <c r="AB23" s="361"/>
      <c r="AC23" s="361"/>
      <c r="AD23" s="361"/>
      <c r="AE23" s="361"/>
      <c r="AF23" s="361"/>
      <c r="AG23" s="361"/>
      <c r="AH23" s="361"/>
      <c r="AI23" s="361"/>
      <c r="AJ23" s="361"/>
      <c r="AK23" s="361"/>
      <c r="AL23" s="361"/>
      <c r="AM23" s="361"/>
      <c r="AN23" s="361"/>
      <c r="AO23" s="361"/>
      <c r="AP23" s="361"/>
      <c r="AQ23" s="361"/>
    </row>
    <row r="24" spans="1:43" ht="34.5" customHeight="1">
      <c r="A24" s="64"/>
      <c r="B24" s="354" t="s">
        <v>404</v>
      </c>
      <c r="C24" s="354"/>
      <c r="D24" s="354"/>
      <c r="E24" s="354"/>
      <c r="F24" s="354"/>
      <c r="G24" s="354"/>
      <c r="H24" s="354"/>
      <c r="I24" s="354" t="s">
        <v>248</v>
      </c>
      <c r="J24" s="354"/>
      <c r="K24" s="354"/>
      <c r="L24" s="354"/>
      <c r="M24" s="354"/>
      <c r="N24" s="354"/>
      <c r="O24" s="354"/>
      <c r="P24" s="354" t="s">
        <v>249</v>
      </c>
      <c r="Q24" s="354"/>
      <c r="R24" s="354"/>
      <c r="S24" s="354"/>
      <c r="T24" s="354"/>
      <c r="U24" s="354"/>
      <c r="V24" s="354"/>
      <c r="W24" s="354" t="s">
        <v>250</v>
      </c>
      <c r="X24" s="354"/>
      <c r="Y24" s="354"/>
      <c r="Z24" s="354"/>
      <c r="AA24" s="354"/>
      <c r="AB24" s="354"/>
      <c r="AC24" s="354"/>
      <c r="AD24" s="354" t="s">
        <v>405</v>
      </c>
      <c r="AE24" s="354"/>
      <c r="AF24" s="354"/>
      <c r="AG24" s="354"/>
      <c r="AH24" s="354"/>
      <c r="AI24" s="354"/>
      <c r="AJ24" s="354"/>
      <c r="AK24" s="354" t="s">
        <v>251</v>
      </c>
      <c r="AL24" s="354"/>
      <c r="AM24" s="354"/>
      <c r="AN24" s="354"/>
      <c r="AO24" s="354"/>
      <c r="AP24" s="354"/>
      <c r="AQ24" s="354"/>
    </row>
    <row r="25" spans="1:43" ht="40.5" customHeight="1">
      <c r="A25" s="37" t="s">
        <v>114</v>
      </c>
      <c r="B25" s="38" t="s">
        <v>115</v>
      </c>
      <c r="C25" s="38" t="s">
        <v>252</v>
      </c>
      <c r="D25" s="93" t="s">
        <v>253</v>
      </c>
      <c r="E25" s="38" t="s">
        <v>254</v>
      </c>
      <c r="F25" s="93" t="s">
        <v>255</v>
      </c>
      <c r="G25" s="38" t="s">
        <v>256</v>
      </c>
      <c r="H25" s="93" t="s">
        <v>195</v>
      </c>
      <c r="I25" s="65" t="s">
        <v>115</v>
      </c>
      <c r="J25" s="65" t="s">
        <v>252</v>
      </c>
      <c r="K25" s="92" t="s">
        <v>253</v>
      </c>
      <c r="L25" s="65" t="s">
        <v>254</v>
      </c>
      <c r="M25" s="92" t="s">
        <v>255</v>
      </c>
      <c r="N25" s="65" t="s">
        <v>256</v>
      </c>
      <c r="O25" s="92" t="s">
        <v>195</v>
      </c>
      <c r="P25" s="38" t="s">
        <v>115</v>
      </c>
      <c r="Q25" s="38" t="s">
        <v>252</v>
      </c>
      <c r="R25" s="93" t="s">
        <v>253</v>
      </c>
      <c r="S25" s="38" t="s">
        <v>254</v>
      </c>
      <c r="T25" s="93" t="s">
        <v>255</v>
      </c>
      <c r="U25" s="38" t="s">
        <v>256</v>
      </c>
      <c r="V25" s="93" t="s">
        <v>195</v>
      </c>
      <c r="W25" s="65" t="s">
        <v>115</v>
      </c>
      <c r="X25" s="65" t="s">
        <v>252</v>
      </c>
      <c r="Y25" s="92" t="s">
        <v>253</v>
      </c>
      <c r="Z25" s="65" t="s">
        <v>254</v>
      </c>
      <c r="AA25" s="92" t="s">
        <v>255</v>
      </c>
      <c r="AB25" s="65" t="s">
        <v>256</v>
      </c>
      <c r="AC25" s="92" t="s">
        <v>195</v>
      </c>
      <c r="AD25" s="38" t="s">
        <v>115</v>
      </c>
      <c r="AE25" s="38" t="s">
        <v>252</v>
      </c>
      <c r="AF25" s="93" t="s">
        <v>253</v>
      </c>
      <c r="AG25" s="38" t="s">
        <v>254</v>
      </c>
      <c r="AH25" s="93" t="s">
        <v>255</v>
      </c>
      <c r="AI25" s="38" t="s">
        <v>256</v>
      </c>
      <c r="AJ25" s="93" t="s">
        <v>195</v>
      </c>
      <c r="AK25" s="65" t="s">
        <v>115</v>
      </c>
      <c r="AL25" s="65" t="s">
        <v>252</v>
      </c>
      <c r="AM25" s="92" t="s">
        <v>253</v>
      </c>
      <c r="AN25" s="65" t="s">
        <v>254</v>
      </c>
      <c r="AO25" s="92" t="s">
        <v>255</v>
      </c>
      <c r="AP25" s="65" t="s">
        <v>256</v>
      </c>
      <c r="AQ25" s="92" t="s">
        <v>195</v>
      </c>
    </row>
    <row r="26" spans="1:43" ht="72">
      <c r="A26" s="41"/>
      <c r="B26" s="42" t="s">
        <v>118</v>
      </c>
      <c r="C26" s="42" t="s">
        <v>303</v>
      </c>
      <c r="D26" s="95" t="s">
        <v>148</v>
      </c>
      <c r="E26" s="42" t="s">
        <v>304</v>
      </c>
      <c r="F26" s="95" t="s">
        <v>148</v>
      </c>
      <c r="G26" s="42" t="s">
        <v>305</v>
      </c>
      <c r="H26" s="95" t="s">
        <v>148</v>
      </c>
      <c r="I26" s="68" t="s">
        <v>118</v>
      </c>
      <c r="J26" s="68" t="s">
        <v>303</v>
      </c>
      <c r="K26" s="94" t="s">
        <v>148</v>
      </c>
      <c r="L26" s="68" t="s">
        <v>304</v>
      </c>
      <c r="M26" s="94" t="s">
        <v>148</v>
      </c>
      <c r="N26" s="68" t="s">
        <v>305</v>
      </c>
      <c r="O26" s="94" t="s">
        <v>148</v>
      </c>
      <c r="P26" s="42" t="s">
        <v>118</v>
      </c>
      <c r="Q26" s="42" t="s">
        <v>303</v>
      </c>
      <c r="R26" s="95" t="s">
        <v>148</v>
      </c>
      <c r="S26" s="42" t="s">
        <v>304</v>
      </c>
      <c r="T26" s="95" t="s">
        <v>148</v>
      </c>
      <c r="U26" s="42" t="s">
        <v>305</v>
      </c>
      <c r="V26" s="95" t="s">
        <v>148</v>
      </c>
      <c r="W26" s="68" t="s">
        <v>118</v>
      </c>
      <c r="X26" s="68" t="s">
        <v>303</v>
      </c>
      <c r="Y26" s="94" t="s">
        <v>148</v>
      </c>
      <c r="Z26" s="68" t="s">
        <v>304</v>
      </c>
      <c r="AA26" s="94" t="s">
        <v>148</v>
      </c>
      <c r="AB26" s="68" t="s">
        <v>305</v>
      </c>
      <c r="AC26" s="94" t="s">
        <v>148</v>
      </c>
      <c r="AD26" s="42" t="s">
        <v>118</v>
      </c>
      <c r="AE26" s="42" t="s">
        <v>303</v>
      </c>
      <c r="AF26" s="95" t="s">
        <v>148</v>
      </c>
      <c r="AG26" s="42" t="s">
        <v>304</v>
      </c>
      <c r="AH26" s="95" t="s">
        <v>148</v>
      </c>
      <c r="AI26" s="42" t="s">
        <v>305</v>
      </c>
      <c r="AJ26" s="95" t="s">
        <v>148</v>
      </c>
      <c r="AK26" s="68" t="s">
        <v>118</v>
      </c>
      <c r="AL26" s="68" t="s">
        <v>303</v>
      </c>
      <c r="AM26" s="94" t="s">
        <v>148</v>
      </c>
      <c r="AN26" s="68" t="s">
        <v>304</v>
      </c>
      <c r="AO26" s="94" t="s">
        <v>148</v>
      </c>
      <c r="AP26" s="68" t="s">
        <v>305</v>
      </c>
      <c r="AQ26" s="94" t="s">
        <v>148</v>
      </c>
    </row>
    <row r="27" spans="1:43">
      <c r="A27" s="45" t="s">
        <v>444</v>
      </c>
      <c r="B27" s="228">
        <v>12817</v>
      </c>
      <c r="C27" s="234">
        <v>0.1655288439559062</v>
      </c>
      <c r="D27" s="98">
        <v>6.4349817515656467E-3</v>
      </c>
      <c r="E27" s="234">
        <v>8.237909538314811E-2</v>
      </c>
      <c r="F27" s="98">
        <v>4.7626385080342132E-3</v>
      </c>
      <c r="G27" s="234">
        <v>0.75209206066094569</v>
      </c>
      <c r="H27" s="98">
        <v>7.4751861419048177E-3</v>
      </c>
      <c r="I27" s="228">
        <v>9960</v>
      </c>
      <c r="J27" s="234">
        <v>0.42221423489526694</v>
      </c>
      <c r="K27" s="98">
        <v>9.6982503312418155E-3</v>
      </c>
      <c r="L27" s="234">
        <v>0.12434765953571522</v>
      </c>
      <c r="M27" s="98">
        <v>6.4826065521097131E-3</v>
      </c>
      <c r="N27" s="234">
        <v>0.45343810556901781</v>
      </c>
      <c r="O27" s="98">
        <v>9.7750597076905286E-3</v>
      </c>
      <c r="P27" s="228">
        <v>11775</v>
      </c>
      <c r="Q27" s="234">
        <v>0.44274960432471661</v>
      </c>
      <c r="R27" s="98">
        <v>8.9703234491315797E-3</v>
      </c>
      <c r="S27" s="234">
        <v>0.12592127263714373</v>
      </c>
      <c r="T27" s="98">
        <v>5.9939633075205365E-3</v>
      </c>
      <c r="U27" s="234">
        <v>0.43132912303813969</v>
      </c>
      <c r="V27" s="98">
        <v>8.9441604263543802E-3</v>
      </c>
      <c r="W27" s="228">
        <v>11982</v>
      </c>
      <c r="X27" s="234">
        <v>0.13266126708100692</v>
      </c>
      <c r="Y27" s="98">
        <v>6.0751254480915038E-3</v>
      </c>
      <c r="Z27" s="234">
        <v>0.11005759233668513</v>
      </c>
      <c r="AA27" s="98">
        <v>5.6057630823005715E-3</v>
      </c>
      <c r="AB27" s="234">
        <v>0.757281140582308</v>
      </c>
      <c r="AC27" s="98">
        <v>7.6762912858400418E-3</v>
      </c>
      <c r="AD27" s="228">
        <v>11073</v>
      </c>
      <c r="AE27" s="234">
        <v>0.19549564530829819</v>
      </c>
      <c r="AF27" s="98">
        <v>7.3870350303673511E-3</v>
      </c>
      <c r="AG27" s="234">
        <v>0.11651152614907345</v>
      </c>
      <c r="AH27" s="98">
        <v>5.9779707164466572E-3</v>
      </c>
      <c r="AI27" s="234">
        <v>0.68799282854262833</v>
      </c>
      <c r="AJ27" s="98">
        <v>8.6286936677643436E-3</v>
      </c>
      <c r="AK27" s="228">
        <v>8848</v>
      </c>
      <c r="AL27" s="234">
        <v>0.17984702797841162</v>
      </c>
      <c r="AM27" s="98">
        <v>8.0033300955306245E-3</v>
      </c>
      <c r="AN27" s="234">
        <v>0.13081950861772279</v>
      </c>
      <c r="AO27" s="98">
        <v>7.0284840389782709E-3</v>
      </c>
      <c r="AP27" s="234">
        <v>0.68933346340386559</v>
      </c>
      <c r="AQ27" s="98">
        <v>9.6411785848767428E-3</v>
      </c>
    </row>
    <row r="28" spans="1:43">
      <c r="A28" s="49" t="s">
        <v>445</v>
      </c>
      <c r="B28" s="231">
        <v>1023</v>
      </c>
      <c r="C28" s="235">
        <v>0.14364299123796373</v>
      </c>
      <c r="D28" s="101">
        <v>2.1536562481440737E-2</v>
      </c>
      <c r="E28" s="235">
        <v>7.1828055069946883E-2</v>
      </c>
      <c r="F28" s="101">
        <v>1.5959731402979731E-2</v>
      </c>
      <c r="G28" s="235">
        <v>0.78452895369208941</v>
      </c>
      <c r="H28" s="101">
        <v>2.5192820991873349E-2</v>
      </c>
      <c r="I28" s="231">
        <v>800</v>
      </c>
      <c r="J28" s="235">
        <v>0.51231470953805769</v>
      </c>
      <c r="K28" s="101">
        <v>3.4551554886955591E-2</v>
      </c>
      <c r="L28" s="235">
        <v>0.12442793820546341</v>
      </c>
      <c r="M28" s="101">
        <v>2.296178665940634E-2</v>
      </c>
      <c r="N28" s="235">
        <v>0.36325735225647893</v>
      </c>
      <c r="O28" s="101">
        <v>3.3257636978273573E-2</v>
      </c>
      <c r="P28" s="231">
        <v>933</v>
      </c>
      <c r="Q28" s="235">
        <v>0.5385771840925333</v>
      </c>
      <c r="R28" s="101">
        <v>3.192058652106599E-2</v>
      </c>
      <c r="S28" s="235">
        <v>0.11609774056364906</v>
      </c>
      <c r="T28" s="101">
        <v>2.0636742668443342E-2</v>
      </c>
      <c r="U28" s="235">
        <v>0.34532507534381757</v>
      </c>
      <c r="V28" s="101">
        <v>3.0458525569359466E-2</v>
      </c>
      <c r="W28" s="231">
        <v>951</v>
      </c>
      <c r="X28" s="235">
        <v>0.14087651664151951</v>
      </c>
      <c r="Y28" s="101">
        <v>2.2162932248487706E-2</v>
      </c>
      <c r="Z28" s="235">
        <v>0.12089748942254282</v>
      </c>
      <c r="AA28" s="101">
        <v>2.0793311144836228E-2</v>
      </c>
      <c r="AB28" s="235">
        <v>0.73822599393593769</v>
      </c>
      <c r="AC28" s="101">
        <v>2.7915456817655504E-2</v>
      </c>
      <c r="AD28" s="231">
        <v>886</v>
      </c>
      <c r="AE28" s="235">
        <v>0.23285548942258069</v>
      </c>
      <c r="AF28" s="101">
        <v>2.7817593477674936E-2</v>
      </c>
      <c r="AG28" s="235">
        <v>0.14127766224804361</v>
      </c>
      <c r="AH28" s="101">
        <v>2.2992179289480306E-2</v>
      </c>
      <c r="AI28" s="235">
        <v>0.62586684832937567</v>
      </c>
      <c r="AJ28" s="101">
        <v>3.1801445495445169E-2</v>
      </c>
      <c r="AK28" s="231">
        <v>727</v>
      </c>
      <c r="AL28" s="235">
        <v>0.17290563891037081</v>
      </c>
      <c r="AM28" s="101">
        <v>2.7526141224602348E-2</v>
      </c>
      <c r="AN28" s="235">
        <v>0.10703068675743388</v>
      </c>
      <c r="AO28" s="101">
        <v>2.2608182398201275E-2</v>
      </c>
      <c r="AP28" s="235">
        <v>0.72006367433219531</v>
      </c>
      <c r="AQ28" s="101">
        <v>3.2589755305516131E-2</v>
      </c>
    </row>
    <row r="29" spans="1:43">
      <c r="A29" s="53" t="s">
        <v>446</v>
      </c>
      <c r="B29" s="54">
        <v>129</v>
      </c>
      <c r="C29" s="187">
        <v>0.15837081125601188</v>
      </c>
      <c r="D29" s="98">
        <v>6.3637135933016231E-2</v>
      </c>
      <c r="E29" s="187">
        <v>5.3296525522373475E-2</v>
      </c>
      <c r="F29" s="98">
        <v>4.241291690249753E-2</v>
      </c>
      <c r="G29" s="187">
        <v>0.78833266322161466</v>
      </c>
      <c r="H29" s="98">
        <v>7.0441539718777937E-2</v>
      </c>
      <c r="I29" s="54">
        <v>110</v>
      </c>
      <c r="J29" s="187">
        <v>0.54149242602101677</v>
      </c>
      <c r="K29" s="98">
        <v>9.1490686017740228E-2</v>
      </c>
      <c r="L29" s="187">
        <v>0.11095264165950448</v>
      </c>
      <c r="M29" s="98">
        <v>6.062769525847217E-2</v>
      </c>
      <c r="N29" s="187">
        <v>0.34755493231947876</v>
      </c>
      <c r="O29" s="98">
        <v>8.7723562598571656E-2</v>
      </c>
      <c r="P29" s="54">
        <v>120</v>
      </c>
      <c r="Q29" s="187">
        <v>0.51983486712920124</v>
      </c>
      <c r="R29" s="98">
        <v>8.7941722145414264E-2</v>
      </c>
      <c r="S29" s="187">
        <v>0.10906021065393275</v>
      </c>
      <c r="T29" s="98">
        <v>5.7539706519508474E-2</v>
      </c>
      <c r="U29" s="187">
        <v>0.37110492221686603</v>
      </c>
      <c r="V29" s="98">
        <v>8.5223953290482046E-2</v>
      </c>
      <c r="W29" s="54">
        <v>115</v>
      </c>
      <c r="X29" s="187">
        <v>7.7727859230669619E-2</v>
      </c>
      <c r="Y29" s="98">
        <v>5.1910312947045699E-2</v>
      </c>
      <c r="Z29" s="187">
        <v>0.10000761228128384</v>
      </c>
      <c r="AA29" s="98">
        <v>5.6982437394719213E-2</v>
      </c>
      <c r="AB29" s="187">
        <v>0.82226452848804654</v>
      </c>
      <c r="AC29" s="98">
        <v>7.028174866672425E-2</v>
      </c>
      <c r="AD29" s="54">
        <v>110</v>
      </c>
      <c r="AE29" s="187">
        <v>0.22083076502300622</v>
      </c>
      <c r="AF29" s="98">
        <v>7.7326196447341247E-2</v>
      </c>
      <c r="AG29" s="187">
        <v>0.16157856359207234</v>
      </c>
      <c r="AH29" s="98">
        <v>6.9506965778717955E-2</v>
      </c>
      <c r="AI29" s="187">
        <v>0.61759067138492141</v>
      </c>
      <c r="AJ29" s="98">
        <v>8.9390840106899253E-2</v>
      </c>
      <c r="AK29" s="54">
        <v>94</v>
      </c>
      <c r="AL29" s="187">
        <v>7.4224897898829148E-2</v>
      </c>
      <c r="AM29" s="98">
        <v>5.7113231950473249E-2</v>
      </c>
      <c r="AN29" s="187">
        <v>0.13804937639770781</v>
      </c>
      <c r="AO29" s="98">
        <v>7.124006750128821E-2</v>
      </c>
      <c r="AP29" s="187">
        <v>0.787725725703463</v>
      </c>
      <c r="AQ29" s="98">
        <v>8.2548738360566754E-2</v>
      </c>
    </row>
    <row r="30" spans="1:43">
      <c r="A30" s="49" t="s">
        <v>447</v>
      </c>
      <c r="B30" s="231">
        <v>67</v>
      </c>
      <c r="C30" s="235">
        <v>0.20815620075395794</v>
      </c>
      <c r="D30" s="101">
        <v>9.7071864149027937E-2</v>
      </c>
      <c r="E30" s="235">
        <v>0.20926728781493886</v>
      </c>
      <c r="F30" s="101">
        <v>9.7232375402400081E-2</v>
      </c>
      <c r="G30" s="235">
        <v>0.58257651143110323</v>
      </c>
      <c r="H30" s="101">
        <v>0.11488347076241016</v>
      </c>
      <c r="I30" s="231">
        <v>53</v>
      </c>
      <c r="J30" s="235">
        <v>0.65752531912861056</v>
      </c>
      <c r="K30" s="101">
        <v>0.12410969678546369</v>
      </c>
      <c r="L30" s="235">
        <v>0.14594483719153015</v>
      </c>
      <c r="M30" s="101">
        <v>9.7697387278887909E-2</v>
      </c>
      <c r="N30" s="235">
        <v>0.19652984367985929</v>
      </c>
      <c r="O30" s="101">
        <v>0.10715814474823414</v>
      </c>
      <c r="P30" s="231">
        <v>64</v>
      </c>
      <c r="Q30" s="235">
        <v>0.75510053185857384</v>
      </c>
      <c r="R30" s="101">
        <v>0.10424443366703028</v>
      </c>
      <c r="S30" s="235">
        <v>1.0733948791260281E-3</v>
      </c>
      <c r="T30" s="101">
        <v>4.0821316026057763E-2</v>
      </c>
      <c r="U30" s="235">
        <v>0.2438260732623001</v>
      </c>
      <c r="V30" s="101">
        <v>0.10411262294000817</v>
      </c>
      <c r="W30" s="231">
        <v>63</v>
      </c>
      <c r="X30" s="235">
        <v>0.30894643465098093</v>
      </c>
      <c r="Y30" s="101">
        <v>0.11173124364916993</v>
      </c>
      <c r="Z30" s="235">
        <v>0.18481910522697148</v>
      </c>
      <c r="AA30" s="101">
        <v>9.6427666976427892E-2</v>
      </c>
      <c r="AB30" s="235">
        <v>0.50623446012204765</v>
      </c>
      <c r="AC30" s="101">
        <v>0.11971782617112831</v>
      </c>
      <c r="AD30" s="231">
        <v>49</v>
      </c>
      <c r="AE30" s="236">
        <v>0.46539444991622053</v>
      </c>
      <c r="AF30" s="101">
        <v>0.13433748849686905</v>
      </c>
      <c r="AG30" s="235">
        <v>0.2377498754344225</v>
      </c>
      <c r="AH30" s="101">
        <v>0.11772760257578355</v>
      </c>
      <c r="AI30" s="235">
        <v>0.29685567464935697</v>
      </c>
      <c r="AJ30" s="101">
        <v>0.1247558317362432</v>
      </c>
      <c r="AK30" s="231">
        <v>42</v>
      </c>
      <c r="AL30" s="235">
        <v>0.3651559936782145</v>
      </c>
      <c r="AM30" s="101">
        <v>0.14004412731626634</v>
      </c>
      <c r="AN30" s="235">
        <v>0.11524907053299839</v>
      </c>
      <c r="AO30" s="101">
        <v>0.10282075622277827</v>
      </c>
      <c r="AP30" s="235">
        <v>0.51959493578878713</v>
      </c>
      <c r="AQ30" s="101">
        <v>0.14440058611996051</v>
      </c>
    </row>
    <row r="31" spans="1:43">
      <c r="A31" s="57" t="s">
        <v>448</v>
      </c>
      <c r="B31" s="228">
        <v>289</v>
      </c>
      <c r="C31" s="234">
        <v>8.5997930512469373E-2</v>
      </c>
      <c r="D31" s="98">
        <v>3.3038076656518992E-2</v>
      </c>
      <c r="E31" s="234">
        <v>5.4713577197496144E-2</v>
      </c>
      <c r="F31" s="98">
        <v>2.7360767890473044E-2</v>
      </c>
      <c r="G31" s="234">
        <v>0.85928849229003446</v>
      </c>
      <c r="H31" s="98">
        <v>4.0388148514399369E-2</v>
      </c>
      <c r="I31" s="228">
        <v>217</v>
      </c>
      <c r="J31" s="234">
        <v>0.32072217371843137</v>
      </c>
      <c r="K31" s="98">
        <v>6.1701294710391492E-2</v>
      </c>
      <c r="L31" s="234">
        <v>0.12362430615179736</v>
      </c>
      <c r="M31" s="98">
        <v>4.4402784410685077E-2</v>
      </c>
      <c r="N31" s="234">
        <v>0.55565352012977121</v>
      </c>
      <c r="O31" s="98">
        <v>6.552703768404658E-2</v>
      </c>
      <c r="P31" s="228">
        <v>256</v>
      </c>
      <c r="Q31" s="234">
        <v>0.50436285967677141</v>
      </c>
      <c r="R31" s="98">
        <v>6.0774776825464741E-2</v>
      </c>
      <c r="S31" s="234">
        <v>0.14752629934782943</v>
      </c>
      <c r="T31" s="98">
        <v>4.3751955141582304E-2</v>
      </c>
      <c r="U31" s="234">
        <v>0.34811084097539924</v>
      </c>
      <c r="V31" s="98">
        <v>5.7994664119961084E-2</v>
      </c>
      <c r="W31" s="228">
        <v>264</v>
      </c>
      <c r="X31" s="234">
        <v>8.9201064705137584E-2</v>
      </c>
      <c r="Y31" s="98">
        <v>3.5160370262940117E-2</v>
      </c>
      <c r="Z31" s="234">
        <v>0.19379884416067444</v>
      </c>
      <c r="AA31" s="98">
        <v>4.7743344292071395E-2</v>
      </c>
      <c r="AB31" s="234">
        <v>0.71700009113418783</v>
      </c>
      <c r="AC31" s="98">
        <v>5.4116456990139554E-2</v>
      </c>
      <c r="AD31" s="228">
        <v>256</v>
      </c>
      <c r="AE31" s="234">
        <v>0.12986772316495715</v>
      </c>
      <c r="AF31" s="98">
        <v>4.1610735761171039E-2</v>
      </c>
      <c r="AG31" s="237">
        <v>9.9713259822332159E-2</v>
      </c>
      <c r="AH31" s="98">
        <v>3.73989088083009E-2</v>
      </c>
      <c r="AI31" s="234">
        <v>0.77041901701271065</v>
      </c>
      <c r="AJ31" s="98">
        <v>5.1442825994299411E-2</v>
      </c>
      <c r="AK31" s="228">
        <v>192</v>
      </c>
      <c r="AL31" s="234">
        <v>0.15839612155618724</v>
      </c>
      <c r="AM31" s="98">
        <v>5.2011681944862775E-2</v>
      </c>
      <c r="AN31" s="234">
        <v>0.1371196007301734</v>
      </c>
      <c r="AO31" s="98">
        <v>4.9227024904202728E-2</v>
      </c>
      <c r="AP31" s="234">
        <v>0.70448427771363942</v>
      </c>
      <c r="AQ31" s="98">
        <v>6.4137031813550224E-2</v>
      </c>
    </row>
    <row r="32" spans="1:43">
      <c r="A32" s="49" t="s">
        <v>449</v>
      </c>
      <c r="B32" s="231">
        <v>303</v>
      </c>
      <c r="C32" s="235">
        <v>9.0310305094778387E-2</v>
      </c>
      <c r="D32" s="101">
        <v>3.2899867859122987E-2</v>
      </c>
      <c r="E32" s="235">
        <v>2.589543204923005E-2</v>
      </c>
      <c r="F32" s="101">
        <v>1.9709515585377972E-2</v>
      </c>
      <c r="G32" s="235">
        <v>0.88379426285599161</v>
      </c>
      <c r="H32" s="101">
        <v>3.650841422684134E-2</v>
      </c>
      <c r="I32" s="231">
        <v>233</v>
      </c>
      <c r="J32" s="235">
        <v>0.51206608695858613</v>
      </c>
      <c r="K32" s="101">
        <v>6.3639922577552688E-2</v>
      </c>
      <c r="L32" s="235">
        <v>0.10753381270393161</v>
      </c>
      <c r="M32" s="101">
        <v>4.0486733120499774E-2</v>
      </c>
      <c r="N32" s="235">
        <v>0.38040010033748223</v>
      </c>
      <c r="O32" s="101">
        <v>6.1872621854738019E-2</v>
      </c>
      <c r="P32" s="231">
        <v>279</v>
      </c>
      <c r="Q32" s="235">
        <v>0.45204461448281114</v>
      </c>
      <c r="R32" s="101">
        <v>5.7993949236282802E-2</v>
      </c>
      <c r="S32" s="235">
        <v>0.14333458828051909</v>
      </c>
      <c r="T32" s="101">
        <v>4.141602193069021E-2</v>
      </c>
      <c r="U32" s="235">
        <v>0.40462079723666988</v>
      </c>
      <c r="V32" s="101">
        <v>5.7215517402013902E-2</v>
      </c>
      <c r="W32" s="231">
        <v>288</v>
      </c>
      <c r="X32" s="235">
        <v>0.10821900233649159</v>
      </c>
      <c r="Y32" s="101">
        <v>3.6395285240341739E-2</v>
      </c>
      <c r="Z32" s="235">
        <v>5.486662192890511E-2</v>
      </c>
      <c r="AA32" s="101">
        <v>2.7443760744905094E-2</v>
      </c>
      <c r="AB32" s="235">
        <v>0.83691437573460326</v>
      </c>
      <c r="AC32" s="101">
        <v>4.2852093530150535E-2</v>
      </c>
      <c r="AD32" s="231">
        <v>261</v>
      </c>
      <c r="AE32" s="235">
        <v>0.21054300762672698</v>
      </c>
      <c r="AF32" s="101">
        <v>4.9456429746601548E-2</v>
      </c>
      <c r="AG32" s="235">
        <v>0.12990939734023474</v>
      </c>
      <c r="AH32" s="101">
        <v>4.120780009031965E-2</v>
      </c>
      <c r="AI32" s="235">
        <v>0.65954759503303828</v>
      </c>
      <c r="AJ32" s="101">
        <v>5.7150587548781454E-2</v>
      </c>
      <c r="AK32" s="231">
        <v>215</v>
      </c>
      <c r="AL32" s="235">
        <v>0.12176268240323175</v>
      </c>
      <c r="AM32" s="101">
        <v>4.4347140155216798E-2</v>
      </c>
      <c r="AN32" s="235">
        <v>7.8037252849701227E-2</v>
      </c>
      <c r="AO32" s="101">
        <v>3.7082632926080057E-2</v>
      </c>
      <c r="AP32" s="235">
        <v>0.80020006474706706</v>
      </c>
      <c r="AQ32" s="101">
        <v>5.3495443332565014E-2</v>
      </c>
    </row>
    <row r="33" spans="1:43">
      <c r="A33" s="57" t="s">
        <v>450</v>
      </c>
      <c r="B33" s="228">
        <v>177</v>
      </c>
      <c r="C33" s="234">
        <v>0.30614717484266352</v>
      </c>
      <c r="D33" s="98">
        <v>6.7404404049511799E-2</v>
      </c>
      <c r="E33" s="234">
        <v>7.1149451467868816E-2</v>
      </c>
      <c r="F33" s="98">
        <v>3.9664542021730462E-2</v>
      </c>
      <c r="G33" s="234">
        <v>0.6227033736894676</v>
      </c>
      <c r="H33" s="98">
        <v>7.0714139928682279E-2</v>
      </c>
      <c r="I33" s="228">
        <v>143</v>
      </c>
      <c r="J33" s="234">
        <v>0.6193013278175924</v>
      </c>
      <c r="K33" s="98">
        <v>7.8621558483223858E-2</v>
      </c>
      <c r="L33" s="234">
        <v>0.18320601096426398</v>
      </c>
      <c r="M33" s="98">
        <v>6.3650789861643048E-2</v>
      </c>
      <c r="N33" s="234">
        <v>0.1974926612181436</v>
      </c>
      <c r="O33" s="98">
        <v>6.5347010460145558E-2</v>
      </c>
      <c r="P33" s="228">
        <v>163</v>
      </c>
      <c r="Q33" s="234">
        <v>0.63000408623915016</v>
      </c>
      <c r="R33" s="98">
        <v>7.3351989998073866E-2</v>
      </c>
      <c r="S33" s="234">
        <v>0.17023167358926208</v>
      </c>
      <c r="T33" s="98">
        <v>5.8032093187580285E-2</v>
      </c>
      <c r="U33" s="234">
        <v>0.19976424017158767</v>
      </c>
      <c r="V33" s="98">
        <v>6.1444796912379279E-2</v>
      </c>
      <c r="W33" s="228">
        <v>167</v>
      </c>
      <c r="X33" s="234">
        <v>0.24193355069647068</v>
      </c>
      <c r="Y33" s="98">
        <v>6.4725480509987901E-2</v>
      </c>
      <c r="Z33" s="234">
        <v>0.13837368942035438</v>
      </c>
      <c r="AA33" s="98">
        <v>5.3050149567973187E-2</v>
      </c>
      <c r="AB33" s="234">
        <v>0.61969275988317496</v>
      </c>
      <c r="AC33" s="98">
        <v>7.2865675630343643E-2</v>
      </c>
      <c r="AD33" s="228">
        <v>160</v>
      </c>
      <c r="AE33" s="234">
        <v>0.27117443636110322</v>
      </c>
      <c r="AF33" s="98">
        <v>6.8473869448855321E-2</v>
      </c>
      <c r="AG33" s="234">
        <v>0.13138330261948136</v>
      </c>
      <c r="AH33" s="98">
        <v>5.316578081681668E-2</v>
      </c>
      <c r="AI33" s="234">
        <v>0.59744226101941544</v>
      </c>
      <c r="AJ33" s="98">
        <v>7.5129223909805865E-2</v>
      </c>
      <c r="AK33" s="228">
        <v>143</v>
      </c>
      <c r="AL33" s="234">
        <v>0.29463932358271672</v>
      </c>
      <c r="AM33" s="98">
        <v>7.4097067519732329E-2</v>
      </c>
      <c r="AN33" s="234">
        <v>8.8577138352463586E-2</v>
      </c>
      <c r="AO33" s="98">
        <v>4.8448308319862597E-2</v>
      </c>
      <c r="AP33" s="234">
        <v>0.61678353806481967</v>
      </c>
      <c r="AQ33" s="98">
        <v>7.8714989313001665E-2</v>
      </c>
    </row>
    <row r="41" spans="1:43" ht="18.75">
      <c r="A41" s="329" t="s">
        <v>61</v>
      </c>
      <c r="B41" s="329"/>
      <c r="C41" s="329"/>
      <c r="D41" s="329"/>
    </row>
    <row r="42" spans="1:43" ht="115.5" customHeight="1">
      <c r="A42" s="361" t="s">
        <v>257</v>
      </c>
      <c r="B42" s="361"/>
      <c r="C42" s="361"/>
      <c r="D42" s="361"/>
    </row>
    <row r="43" spans="1:43" ht="34.5" customHeight="1">
      <c r="A43" s="328" t="s">
        <v>258</v>
      </c>
      <c r="B43" s="328"/>
      <c r="C43" s="328"/>
      <c r="D43" s="328"/>
    </row>
    <row r="44" spans="1:43" ht="36" customHeight="1">
      <c r="A44" s="37" t="s">
        <v>114</v>
      </c>
      <c r="B44" s="38" t="s">
        <v>115</v>
      </c>
      <c r="C44" s="39" t="s">
        <v>116</v>
      </c>
      <c r="D44" s="40" t="s">
        <v>117</v>
      </c>
    </row>
    <row r="45" spans="1:43" ht="72">
      <c r="A45" s="41"/>
      <c r="B45" s="42" t="s">
        <v>118</v>
      </c>
      <c r="C45" s="134" t="s">
        <v>247</v>
      </c>
      <c r="D45" s="44" t="s">
        <v>120</v>
      </c>
    </row>
    <row r="46" spans="1:43">
      <c r="A46" s="45" t="s">
        <v>444</v>
      </c>
      <c r="B46" s="238">
        <v>11796</v>
      </c>
      <c r="C46" s="239">
        <v>3.8479103026377448</v>
      </c>
      <c r="D46" s="137">
        <v>4.664202237176962E-2</v>
      </c>
    </row>
    <row r="47" spans="1:43">
      <c r="A47" s="49" t="s">
        <v>445</v>
      </c>
      <c r="B47" s="240">
        <v>931</v>
      </c>
      <c r="C47" s="241">
        <v>4.0424507012202229</v>
      </c>
      <c r="D47" s="141">
        <v>0.15499907940720803</v>
      </c>
    </row>
    <row r="48" spans="1:43">
      <c r="A48" s="53" t="s">
        <v>446</v>
      </c>
      <c r="B48" s="83">
        <v>123</v>
      </c>
      <c r="C48" s="84">
        <v>4.370305261816176</v>
      </c>
      <c r="D48" s="85">
        <v>0.36361614232956629</v>
      </c>
    </row>
    <row r="49" spans="1:15">
      <c r="A49" s="49" t="s">
        <v>447</v>
      </c>
      <c r="B49" s="240">
        <v>64</v>
      </c>
      <c r="C49" s="241">
        <v>4.0048051104851581</v>
      </c>
      <c r="D49" s="141">
        <v>0.39295417357702744</v>
      </c>
    </row>
    <row r="50" spans="1:15">
      <c r="A50" s="57" t="s">
        <v>448</v>
      </c>
      <c r="B50" s="238">
        <v>264</v>
      </c>
      <c r="C50" s="239">
        <v>3.9027585086962309</v>
      </c>
      <c r="D50" s="137">
        <v>0.23446739411330819</v>
      </c>
    </row>
    <row r="51" spans="1:15">
      <c r="A51" s="49" t="s">
        <v>449</v>
      </c>
      <c r="B51" s="240">
        <v>287</v>
      </c>
      <c r="C51" s="241">
        <v>4.1396272423030052</v>
      </c>
      <c r="D51" s="141">
        <v>0.30763823151616476</v>
      </c>
    </row>
    <row r="52" spans="1:15">
      <c r="A52" s="57" t="s">
        <v>450</v>
      </c>
      <c r="B52" s="238">
        <v>163</v>
      </c>
      <c r="C52" s="239">
        <v>3.2225929051151261</v>
      </c>
      <c r="D52" s="137">
        <v>0.37374507476707475</v>
      </c>
    </row>
    <row r="60" spans="1:15" ht="18.75">
      <c r="A60" s="329" t="s">
        <v>62</v>
      </c>
      <c r="B60" s="329"/>
      <c r="C60" s="329"/>
      <c r="D60" s="329"/>
      <c r="E60" s="329"/>
      <c r="F60" s="329"/>
      <c r="G60" s="329"/>
      <c r="H60" s="329"/>
      <c r="I60" s="329"/>
      <c r="J60" s="329"/>
      <c r="K60" s="329"/>
      <c r="L60" s="329"/>
      <c r="M60" s="329"/>
      <c r="N60" s="329"/>
      <c r="O60" s="329"/>
    </row>
    <row r="61" spans="1:15" ht="56.25" customHeight="1">
      <c r="A61" s="362" t="s">
        <v>259</v>
      </c>
      <c r="B61" s="362"/>
      <c r="C61" s="362"/>
      <c r="D61" s="362"/>
      <c r="E61" s="362"/>
      <c r="F61" s="362"/>
      <c r="G61" s="362"/>
      <c r="H61" s="362"/>
      <c r="I61" s="362"/>
      <c r="J61" s="362"/>
      <c r="K61" s="362"/>
      <c r="L61" s="362"/>
      <c r="M61" s="362"/>
      <c r="N61" s="362"/>
      <c r="O61" s="362"/>
    </row>
    <row r="62" spans="1:15" ht="36" customHeight="1">
      <c r="A62" s="64"/>
      <c r="B62" s="354" t="s">
        <v>260</v>
      </c>
      <c r="C62" s="354"/>
      <c r="D62" s="354"/>
      <c r="E62" s="354"/>
      <c r="F62" s="354"/>
      <c r="G62" s="354"/>
      <c r="H62" s="354"/>
      <c r="I62" s="354" t="s">
        <v>261</v>
      </c>
      <c r="J62" s="354"/>
      <c r="K62" s="354"/>
      <c r="L62" s="354"/>
      <c r="M62" s="354"/>
      <c r="N62" s="354"/>
      <c r="O62" s="354"/>
    </row>
    <row r="63" spans="1:15" ht="41.25" customHeight="1">
      <c r="A63" s="37" t="s">
        <v>114</v>
      </c>
      <c r="B63" s="38" t="s">
        <v>115</v>
      </c>
      <c r="C63" s="38" t="s">
        <v>252</v>
      </c>
      <c r="D63" s="93" t="s">
        <v>253</v>
      </c>
      <c r="E63" s="38" t="s">
        <v>254</v>
      </c>
      <c r="F63" s="93" t="s">
        <v>255</v>
      </c>
      <c r="G63" s="38" t="s">
        <v>256</v>
      </c>
      <c r="H63" s="93" t="s">
        <v>195</v>
      </c>
      <c r="I63" s="65" t="s">
        <v>115</v>
      </c>
      <c r="J63" s="65" t="s">
        <v>252</v>
      </c>
      <c r="K63" s="92" t="s">
        <v>253</v>
      </c>
      <c r="L63" s="65" t="s">
        <v>254</v>
      </c>
      <c r="M63" s="92" t="s">
        <v>255</v>
      </c>
      <c r="N63" s="65" t="s">
        <v>256</v>
      </c>
      <c r="O63" s="92" t="s">
        <v>195</v>
      </c>
    </row>
    <row r="64" spans="1:15" ht="72">
      <c r="A64" s="41"/>
      <c r="B64" s="42" t="s">
        <v>118</v>
      </c>
      <c r="C64" s="42" t="s">
        <v>303</v>
      </c>
      <c r="D64" s="95" t="s">
        <v>148</v>
      </c>
      <c r="E64" s="42" t="s">
        <v>304</v>
      </c>
      <c r="F64" s="95" t="s">
        <v>148</v>
      </c>
      <c r="G64" s="42" t="s">
        <v>305</v>
      </c>
      <c r="H64" s="95" t="s">
        <v>148</v>
      </c>
      <c r="I64" s="68" t="s">
        <v>118</v>
      </c>
      <c r="J64" s="68" t="s">
        <v>303</v>
      </c>
      <c r="K64" s="94" t="s">
        <v>148</v>
      </c>
      <c r="L64" s="68" t="s">
        <v>304</v>
      </c>
      <c r="M64" s="94" t="s">
        <v>148</v>
      </c>
      <c r="N64" s="68" t="s">
        <v>305</v>
      </c>
      <c r="O64" s="94" t="s">
        <v>148</v>
      </c>
    </row>
    <row r="65" spans="1:15" ht="14.25" customHeight="1">
      <c r="A65" s="45" t="s">
        <v>444</v>
      </c>
      <c r="B65" s="238">
        <v>12740</v>
      </c>
      <c r="C65" s="242">
        <v>0.32984722597937882</v>
      </c>
      <c r="D65" s="98">
        <v>8.1632738909301356E-3</v>
      </c>
      <c r="E65" s="242">
        <v>0.1670380599847742</v>
      </c>
      <c r="F65" s="98">
        <v>6.4778674575269131E-3</v>
      </c>
      <c r="G65" s="242">
        <v>0.50311471403584695</v>
      </c>
      <c r="H65" s="98">
        <v>8.6809003893529649E-3</v>
      </c>
      <c r="I65" s="238">
        <v>12323</v>
      </c>
      <c r="J65" s="242">
        <v>0.55284484735511197</v>
      </c>
      <c r="K65" s="98">
        <v>8.7772752534187488E-3</v>
      </c>
      <c r="L65" s="242">
        <v>0.1268786299299921</v>
      </c>
      <c r="M65" s="98">
        <v>5.878085838663726E-3</v>
      </c>
      <c r="N65" s="242">
        <v>0.32027652271489598</v>
      </c>
      <c r="O65" s="98">
        <v>8.2371498328531623E-3</v>
      </c>
    </row>
    <row r="66" spans="1:15" ht="14.25" customHeight="1">
      <c r="A66" s="49" t="s">
        <v>445</v>
      </c>
      <c r="B66" s="240">
        <v>1016</v>
      </c>
      <c r="C66" s="243">
        <v>0.21488516488962611</v>
      </c>
      <c r="D66" s="101">
        <v>2.5254761320700564E-2</v>
      </c>
      <c r="E66" s="243">
        <v>0.13822056429615337</v>
      </c>
      <c r="F66" s="101">
        <v>2.1271597587133696E-2</v>
      </c>
      <c r="G66" s="243">
        <v>0.64689427081422046</v>
      </c>
      <c r="H66" s="101">
        <v>2.9341717420024008E-2</v>
      </c>
      <c r="I66" s="240">
        <v>963</v>
      </c>
      <c r="J66" s="243">
        <v>0.59138820016629512</v>
      </c>
      <c r="K66" s="101">
        <v>3.0988215355486001E-2</v>
      </c>
      <c r="L66" s="243">
        <v>0.1361866091689109</v>
      </c>
      <c r="M66" s="101">
        <v>2.1718396948199659E-2</v>
      </c>
      <c r="N66" s="243">
        <v>0.27242519066479404</v>
      </c>
      <c r="O66" s="101">
        <v>2.80913891366757E-2</v>
      </c>
    </row>
    <row r="67" spans="1:15" ht="14.25" customHeight="1">
      <c r="A67" s="53" t="s">
        <v>446</v>
      </c>
      <c r="B67" s="54">
        <v>129</v>
      </c>
      <c r="C67" s="187">
        <v>0.24789864472852977</v>
      </c>
      <c r="D67" s="98">
        <v>7.4122020019484813E-2</v>
      </c>
      <c r="E67" s="187">
        <v>0.12608683502071236</v>
      </c>
      <c r="F67" s="98">
        <v>5.8497650650987061E-2</v>
      </c>
      <c r="G67" s="187">
        <v>0.62601452025075788</v>
      </c>
      <c r="H67" s="98">
        <v>8.2398759646657257E-2</v>
      </c>
      <c r="I67" s="54">
        <v>123</v>
      </c>
      <c r="J67" s="187">
        <v>0.40722281033097907</v>
      </c>
      <c r="K67" s="98">
        <v>8.5545179584861089E-2</v>
      </c>
      <c r="L67" s="187">
        <v>0.19340972502563894</v>
      </c>
      <c r="M67" s="98">
        <v>6.9965522985688616E-2</v>
      </c>
      <c r="N67" s="187">
        <v>0.39936746464338196</v>
      </c>
      <c r="O67" s="98">
        <v>8.5292848786817588E-2</v>
      </c>
    </row>
    <row r="68" spans="1:15" ht="14.25" customHeight="1">
      <c r="A68" s="49" t="s">
        <v>447</v>
      </c>
      <c r="B68" s="240">
        <v>66</v>
      </c>
      <c r="C68" s="243">
        <v>0.21964240761396733</v>
      </c>
      <c r="D68" s="101">
        <v>9.9424884007800265E-2</v>
      </c>
      <c r="E68" s="243">
        <v>0.12893759971224836</v>
      </c>
      <c r="F68" s="101">
        <v>8.368167014362346E-2</v>
      </c>
      <c r="G68" s="243">
        <v>0.65141999267378436</v>
      </c>
      <c r="H68" s="101">
        <v>0.11225598597194124</v>
      </c>
      <c r="I68" s="240">
        <v>64</v>
      </c>
      <c r="J68" s="243">
        <v>0.57299215289282701</v>
      </c>
      <c r="K68" s="101">
        <v>0.11771536160367307</v>
      </c>
      <c r="L68" s="243">
        <v>0.12469550334004673</v>
      </c>
      <c r="M68" s="101">
        <v>8.411163260900853E-2</v>
      </c>
      <c r="N68" s="243">
        <v>0.30231234376712629</v>
      </c>
      <c r="O68" s="101">
        <v>0.11030783928055116</v>
      </c>
    </row>
    <row r="69" spans="1:15" ht="14.25" customHeight="1">
      <c r="A69" s="57" t="s">
        <v>448</v>
      </c>
      <c r="B69" s="238">
        <v>288</v>
      </c>
      <c r="C69" s="242">
        <v>0.25558987527480859</v>
      </c>
      <c r="D69" s="98">
        <v>5.0244645923640328E-2</v>
      </c>
      <c r="E69" s="242">
        <v>0.1968930856445969</v>
      </c>
      <c r="F69" s="98">
        <v>4.5969802037471821E-2</v>
      </c>
      <c r="G69" s="242">
        <v>0.54751703908059446</v>
      </c>
      <c r="H69" s="98">
        <v>5.709767472230478E-2</v>
      </c>
      <c r="I69" s="238">
        <v>266</v>
      </c>
      <c r="J69" s="242">
        <v>0.61607384616958993</v>
      </c>
      <c r="K69" s="98">
        <v>5.8060116242817192E-2</v>
      </c>
      <c r="L69" s="242">
        <v>0.10063899123289889</v>
      </c>
      <c r="M69" s="98">
        <v>3.6804068144061709E-2</v>
      </c>
      <c r="N69" s="242">
        <v>0.28328716259751113</v>
      </c>
      <c r="O69" s="98">
        <v>5.3930253088863456E-2</v>
      </c>
    </row>
    <row r="70" spans="1:15" ht="14.25" customHeight="1">
      <c r="A70" s="49" t="s">
        <v>449</v>
      </c>
      <c r="B70" s="240">
        <v>304</v>
      </c>
      <c r="C70" s="243">
        <v>0.14945693360608872</v>
      </c>
      <c r="D70" s="101">
        <v>4.0312259736110322E-2</v>
      </c>
      <c r="E70" s="243">
        <v>9.5517025946479289E-2</v>
      </c>
      <c r="F70" s="101">
        <v>3.3618771143284307E-2</v>
      </c>
      <c r="G70" s="243">
        <v>0.75502604044743205</v>
      </c>
      <c r="H70" s="101">
        <v>4.8248424911632663E-2</v>
      </c>
      <c r="I70" s="240">
        <v>289</v>
      </c>
      <c r="J70" s="243">
        <v>0.64477655208899742</v>
      </c>
      <c r="K70" s="101">
        <v>5.4867591759174314E-2</v>
      </c>
      <c r="L70" s="243">
        <v>0.14378647644452683</v>
      </c>
      <c r="M70" s="101">
        <v>4.0734101073608905E-2</v>
      </c>
      <c r="N70" s="243">
        <v>0.21143697146647575</v>
      </c>
      <c r="O70" s="101">
        <v>4.7070845595983901E-2</v>
      </c>
    </row>
    <row r="71" spans="1:15" ht="14.25" customHeight="1">
      <c r="A71" s="57" t="s">
        <v>450</v>
      </c>
      <c r="B71" s="238">
        <v>172</v>
      </c>
      <c r="C71" s="242">
        <v>0.31211018913846961</v>
      </c>
      <c r="D71" s="98">
        <v>6.8708707699619148E-2</v>
      </c>
      <c r="E71" s="242">
        <v>0.17826172896726294</v>
      </c>
      <c r="F71" s="98">
        <v>5.7435986246872912E-2</v>
      </c>
      <c r="G71" s="242">
        <v>0.50962808189426734</v>
      </c>
      <c r="H71" s="98">
        <v>7.3857198169858224E-2</v>
      </c>
      <c r="I71" s="238">
        <v>168</v>
      </c>
      <c r="J71" s="242">
        <v>0.80248309897685099</v>
      </c>
      <c r="K71" s="98">
        <v>6.0283593183464261E-2</v>
      </c>
      <c r="L71" s="242">
        <v>9.9994824638726901E-2</v>
      </c>
      <c r="M71" s="98">
        <v>4.6629729683101223E-2</v>
      </c>
      <c r="N71" s="242">
        <v>9.752207638442216E-2</v>
      </c>
      <c r="O71" s="98">
        <v>4.6174117652848283E-2</v>
      </c>
    </row>
    <row r="72" spans="1:15" ht="14.25" customHeight="1"/>
    <row r="73" spans="1:15" ht="14.25" customHeight="1"/>
    <row r="74" spans="1:15" ht="14.25" customHeight="1"/>
    <row r="75" spans="1:15" ht="14.25" customHeight="1"/>
    <row r="76" spans="1:15" ht="14.25" customHeight="1"/>
    <row r="79" spans="1:15" ht="18.75">
      <c r="A79" s="329" t="s">
        <v>63</v>
      </c>
      <c r="B79" s="329"/>
      <c r="C79" s="329"/>
      <c r="D79" s="329"/>
    </row>
    <row r="80" spans="1:15" ht="105" customHeight="1">
      <c r="A80" s="362" t="s">
        <v>262</v>
      </c>
      <c r="B80" s="362"/>
      <c r="C80" s="362"/>
      <c r="D80" s="362"/>
    </row>
    <row r="81" spans="1:4" ht="35.25" customHeight="1">
      <c r="A81" s="328" t="s">
        <v>263</v>
      </c>
      <c r="B81" s="328"/>
      <c r="C81" s="328"/>
      <c r="D81" s="328"/>
    </row>
    <row r="82" spans="1:4" ht="39.75" customHeight="1">
      <c r="A82" s="37" t="s">
        <v>114</v>
      </c>
      <c r="B82" s="38" t="s">
        <v>115</v>
      </c>
      <c r="C82" s="39" t="s">
        <v>116</v>
      </c>
      <c r="D82" s="40" t="s">
        <v>117</v>
      </c>
    </row>
    <row r="83" spans="1:4" ht="72">
      <c r="A83" s="41"/>
      <c r="B83" s="42" t="s">
        <v>118</v>
      </c>
      <c r="C83" s="134" t="s">
        <v>247</v>
      </c>
      <c r="D83" s="44" t="s">
        <v>120</v>
      </c>
    </row>
    <row r="84" spans="1:4">
      <c r="A84" s="45" t="s">
        <v>444</v>
      </c>
      <c r="B84" s="244">
        <v>12378</v>
      </c>
      <c r="C84" s="245">
        <v>5.1060619216036631</v>
      </c>
      <c r="D84" s="246">
        <v>4.3740948353218734E-2</v>
      </c>
    </row>
    <row r="85" spans="1:4">
      <c r="A85" s="49" t="s">
        <v>445</v>
      </c>
      <c r="B85" s="247">
        <v>994</v>
      </c>
      <c r="C85" s="248">
        <v>4.7929270785054863</v>
      </c>
      <c r="D85" s="249">
        <v>0.16022051907105528</v>
      </c>
    </row>
    <row r="86" spans="1:4">
      <c r="A86" s="53" t="s">
        <v>446</v>
      </c>
      <c r="B86" s="83">
        <v>128</v>
      </c>
      <c r="C86" s="84">
        <v>4.7869220784174971</v>
      </c>
      <c r="D86" s="85">
        <v>0.34395617220351227</v>
      </c>
    </row>
    <row r="87" spans="1:4">
      <c r="A87" s="49" t="s">
        <v>447</v>
      </c>
      <c r="B87" s="247">
        <v>66</v>
      </c>
      <c r="C87" s="248">
        <v>3.88663793002645</v>
      </c>
      <c r="D87" s="249">
        <v>0.41831247399020688</v>
      </c>
    </row>
    <row r="88" spans="1:4">
      <c r="A88" s="57" t="s">
        <v>448</v>
      </c>
      <c r="B88" s="244">
        <v>289</v>
      </c>
      <c r="C88" s="245">
        <v>5.3158317705850022</v>
      </c>
      <c r="D88" s="246">
        <v>0.21107141179121935</v>
      </c>
    </row>
    <row r="89" spans="1:4">
      <c r="A89" s="49" t="s">
        <v>449</v>
      </c>
      <c r="B89" s="247">
        <v>301</v>
      </c>
      <c r="C89" s="248">
        <v>5.0925988964062565</v>
      </c>
      <c r="D89" s="249">
        <v>0.30584941100217211</v>
      </c>
    </row>
    <row r="90" spans="1:4">
      <c r="A90" s="57" t="s">
        <v>450</v>
      </c>
      <c r="B90" s="244">
        <v>176</v>
      </c>
      <c r="C90" s="245">
        <v>4.1479565733723014</v>
      </c>
      <c r="D90" s="246">
        <v>0.3419817305423658</v>
      </c>
    </row>
    <row r="98" spans="1:22" ht="18.75">
      <c r="A98" s="329" t="s">
        <v>64</v>
      </c>
      <c r="B98" s="329"/>
      <c r="C98" s="329"/>
      <c r="D98" s="329"/>
      <c r="E98" s="329"/>
      <c r="F98" s="329"/>
      <c r="G98" s="329"/>
      <c r="H98" s="329"/>
      <c r="I98" s="329"/>
      <c r="J98" s="329"/>
      <c r="K98" s="329"/>
      <c r="L98" s="329"/>
      <c r="M98" s="329"/>
      <c r="N98" s="329"/>
      <c r="O98" s="329"/>
      <c r="P98" s="329"/>
      <c r="Q98" s="329"/>
      <c r="R98" s="329"/>
      <c r="S98" s="329"/>
      <c r="T98" s="329"/>
      <c r="U98" s="329"/>
      <c r="V98" s="329"/>
    </row>
    <row r="99" spans="1:22" ht="64.5" customHeight="1">
      <c r="A99" s="362" t="s">
        <v>264</v>
      </c>
      <c r="B99" s="362"/>
      <c r="C99" s="362"/>
      <c r="D99" s="362"/>
      <c r="E99" s="362"/>
      <c r="F99" s="362"/>
      <c r="G99" s="362"/>
      <c r="H99" s="362"/>
      <c r="I99" s="362"/>
      <c r="J99" s="362"/>
      <c r="K99" s="362"/>
      <c r="L99" s="362"/>
      <c r="M99" s="362"/>
      <c r="N99" s="362"/>
      <c r="O99" s="362"/>
      <c r="P99" s="362"/>
      <c r="Q99" s="362"/>
      <c r="R99" s="362"/>
      <c r="S99" s="362"/>
      <c r="T99" s="362"/>
      <c r="U99" s="362"/>
      <c r="V99" s="362"/>
    </row>
    <row r="100" spans="1:22" ht="37.5" customHeight="1">
      <c r="A100" s="64"/>
      <c r="B100" s="354" t="s">
        <v>265</v>
      </c>
      <c r="C100" s="354"/>
      <c r="D100" s="354"/>
      <c r="E100" s="354"/>
      <c r="F100" s="354"/>
      <c r="G100" s="354"/>
      <c r="H100" s="354"/>
      <c r="I100" s="354" t="s">
        <v>266</v>
      </c>
      <c r="J100" s="354"/>
      <c r="K100" s="354"/>
      <c r="L100" s="354"/>
      <c r="M100" s="354"/>
      <c r="N100" s="354"/>
      <c r="O100" s="354"/>
      <c r="P100" s="354" t="s">
        <v>267</v>
      </c>
      <c r="Q100" s="354"/>
      <c r="R100" s="354"/>
      <c r="S100" s="354"/>
      <c r="T100" s="354"/>
      <c r="U100" s="354"/>
      <c r="V100" s="354"/>
    </row>
    <row r="101" spans="1:22" ht="39" customHeight="1">
      <c r="A101" s="37" t="s">
        <v>114</v>
      </c>
      <c r="B101" s="38" t="s">
        <v>115</v>
      </c>
      <c r="C101" s="38" t="s">
        <v>252</v>
      </c>
      <c r="D101" s="93" t="s">
        <v>253</v>
      </c>
      <c r="E101" s="38" t="s">
        <v>254</v>
      </c>
      <c r="F101" s="93" t="s">
        <v>255</v>
      </c>
      <c r="G101" s="38" t="s">
        <v>256</v>
      </c>
      <c r="H101" s="93" t="s">
        <v>195</v>
      </c>
      <c r="I101" s="65" t="s">
        <v>115</v>
      </c>
      <c r="J101" s="65" t="s">
        <v>252</v>
      </c>
      <c r="K101" s="92" t="s">
        <v>253</v>
      </c>
      <c r="L101" s="65" t="s">
        <v>254</v>
      </c>
      <c r="M101" s="92" t="s">
        <v>255</v>
      </c>
      <c r="N101" s="65" t="s">
        <v>256</v>
      </c>
      <c r="O101" s="92" t="s">
        <v>195</v>
      </c>
      <c r="P101" s="38" t="s">
        <v>115</v>
      </c>
      <c r="Q101" s="38" t="s">
        <v>252</v>
      </c>
      <c r="R101" s="93" t="s">
        <v>253</v>
      </c>
      <c r="S101" s="38" t="s">
        <v>254</v>
      </c>
      <c r="T101" s="93" t="s">
        <v>255</v>
      </c>
      <c r="U101" s="38" t="s">
        <v>256</v>
      </c>
      <c r="V101" s="93" t="s">
        <v>195</v>
      </c>
    </row>
    <row r="102" spans="1:22" ht="72">
      <c r="A102" s="41"/>
      <c r="B102" s="42" t="s">
        <v>118</v>
      </c>
      <c r="C102" s="42" t="s">
        <v>303</v>
      </c>
      <c r="D102" s="95" t="s">
        <v>148</v>
      </c>
      <c r="E102" s="42" t="s">
        <v>304</v>
      </c>
      <c r="F102" s="95" t="s">
        <v>148</v>
      </c>
      <c r="G102" s="42" t="s">
        <v>305</v>
      </c>
      <c r="H102" s="95" t="s">
        <v>148</v>
      </c>
      <c r="I102" s="68" t="s">
        <v>118</v>
      </c>
      <c r="J102" s="68" t="s">
        <v>303</v>
      </c>
      <c r="K102" s="94" t="s">
        <v>148</v>
      </c>
      <c r="L102" s="68" t="s">
        <v>304</v>
      </c>
      <c r="M102" s="94" t="s">
        <v>148</v>
      </c>
      <c r="N102" s="68" t="s">
        <v>305</v>
      </c>
      <c r="O102" s="94" t="s">
        <v>148</v>
      </c>
      <c r="P102" s="42" t="s">
        <v>118</v>
      </c>
      <c r="Q102" s="42" t="s">
        <v>303</v>
      </c>
      <c r="R102" s="95" t="s">
        <v>148</v>
      </c>
      <c r="S102" s="42" t="s">
        <v>304</v>
      </c>
      <c r="T102" s="95" t="s">
        <v>148</v>
      </c>
      <c r="U102" s="42" t="s">
        <v>305</v>
      </c>
      <c r="V102" s="95" t="s">
        <v>148</v>
      </c>
    </row>
    <row r="103" spans="1:22">
      <c r="A103" s="45" t="s">
        <v>444</v>
      </c>
      <c r="B103" s="244">
        <v>12689</v>
      </c>
      <c r="C103" s="250">
        <v>0.16639742880402802</v>
      </c>
      <c r="D103" s="98">
        <v>6.4809179384737675E-3</v>
      </c>
      <c r="E103" s="250">
        <v>9.4079898445222521E-2</v>
      </c>
      <c r="F103" s="98">
        <v>5.0819652068036358E-3</v>
      </c>
      <c r="G103" s="250">
        <v>0.73952267275074945</v>
      </c>
      <c r="H103" s="98">
        <v>7.6361665647597804E-3</v>
      </c>
      <c r="I103" s="244">
        <v>12698</v>
      </c>
      <c r="J103" s="250">
        <v>0.20814298722275115</v>
      </c>
      <c r="K103" s="98">
        <v>7.0614672771152969E-3</v>
      </c>
      <c r="L103" s="250">
        <v>0.14006257701595784</v>
      </c>
      <c r="M103" s="98">
        <v>6.0375610246607807E-3</v>
      </c>
      <c r="N103" s="250">
        <v>0.65179443576129104</v>
      </c>
      <c r="O103" s="98">
        <v>8.28527784489895E-3</v>
      </c>
      <c r="P103" s="244">
        <v>12750</v>
      </c>
      <c r="Q103" s="250">
        <v>0.21971028827070324</v>
      </c>
      <c r="R103" s="98">
        <v>7.1870125133836624E-3</v>
      </c>
      <c r="S103" s="250">
        <v>0.13822759173150623</v>
      </c>
      <c r="T103" s="98">
        <v>5.9920593314007524E-3</v>
      </c>
      <c r="U103" s="250">
        <v>0.6420621199977905</v>
      </c>
      <c r="V103" s="98">
        <v>8.320265384966467E-3</v>
      </c>
    </row>
    <row r="104" spans="1:22">
      <c r="A104" s="49" t="s">
        <v>445</v>
      </c>
      <c r="B104" s="247">
        <v>1008</v>
      </c>
      <c r="C104" s="251">
        <v>0.19557687814239541</v>
      </c>
      <c r="D104" s="101">
        <v>2.4494786573569679E-2</v>
      </c>
      <c r="E104" s="251">
        <v>0.10506244556922223</v>
      </c>
      <c r="F104" s="101">
        <v>1.9015575737996924E-2</v>
      </c>
      <c r="G104" s="251">
        <v>0.69936067628838239</v>
      </c>
      <c r="H104" s="101">
        <v>2.8272415577083983E-2</v>
      </c>
      <c r="I104" s="247">
        <v>1014</v>
      </c>
      <c r="J104" s="251">
        <v>0.23110221003316836</v>
      </c>
      <c r="K104" s="101">
        <v>2.5936445184295383E-2</v>
      </c>
      <c r="L104" s="251">
        <v>0.20971827549837427</v>
      </c>
      <c r="M104" s="101">
        <v>2.5058522508396974E-2</v>
      </c>
      <c r="N104" s="251">
        <v>0.55917951446845737</v>
      </c>
      <c r="O104" s="101">
        <v>3.0500916491267269E-2</v>
      </c>
      <c r="P104" s="247">
        <v>1009</v>
      </c>
      <c r="Q104" s="251">
        <v>0.28482286579878169</v>
      </c>
      <c r="R104" s="101">
        <v>2.7818535593892763E-2</v>
      </c>
      <c r="S104" s="251">
        <v>0.14014328210751523</v>
      </c>
      <c r="T104" s="101">
        <v>2.146752738418985E-2</v>
      </c>
      <c r="U104" s="251">
        <v>0.57503385209370306</v>
      </c>
      <c r="V104" s="101">
        <v>3.0444906936451247E-2</v>
      </c>
    </row>
    <row r="105" spans="1:22">
      <c r="A105" s="53" t="s">
        <v>446</v>
      </c>
      <c r="B105" s="54">
        <v>128</v>
      </c>
      <c r="C105" s="187">
        <v>0.13108927591474326</v>
      </c>
      <c r="D105" s="98">
        <v>5.9593517490800496E-2</v>
      </c>
      <c r="E105" s="187">
        <v>0.11822808306788787</v>
      </c>
      <c r="F105" s="98">
        <v>5.7333917898632215E-2</v>
      </c>
      <c r="G105" s="187">
        <v>0.75068264101736881</v>
      </c>
      <c r="H105" s="98">
        <v>7.4538804267100564E-2</v>
      </c>
      <c r="I105" s="54">
        <v>129</v>
      </c>
      <c r="J105" s="187">
        <v>0.22283740410172878</v>
      </c>
      <c r="K105" s="98">
        <v>7.1649505661461055E-2</v>
      </c>
      <c r="L105" s="187">
        <v>0.19452068284858259</v>
      </c>
      <c r="M105" s="98">
        <v>6.8449533710512378E-2</v>
      </c>
      <c r="N105" s="187">
        <v>0.5826419130496886</v>
      </c>
      <c r="O105" s="98">
        <v>8.387770850946967E-2</v>
      </c>
      <c r="P105" s="54">
        <v>127</v>
      </c>
      <c r="Q105" s="187">
        <v>0.32721311408115777</v>
      </c>
      <c r="R105" s="98">
        <v>8.0674873685387602E-2</v>
      </c>
      <c r="S105" s="187">
        <v>0.17663600753021294</v>
      </c>
      <c r="T105" s="98">
        <v>6.6703303061566105E-2</v>
      </c>
      <c r="U105" s="187">
        <v>0.49615087838862926</v>
      </c>
      <c r="V105" s="98">
        <v>8.5620612958012127E-2</v>
      </c>
    </row>
    <row r="106" spans="1:22">
      <c r="A106" s="49" t="s">
        <v>447</v>
      </c>
      <c r="B106" s="247">
        <v>65</v>
      </c>
      <c r="C106" s="251">
        <v>0.36932870339748242</v>
      </c>
      <c r="D106" s="101">
        <v>0.11434688731563186</v>
      </c>
      <c r="E106" s="251">
        <v>0.18993503016966853</v>
      </c>
      <c r="F106" s="101">
        <v>9.5753869857979637E-2</v>
      </c>
      <c r="G106" s="251">
        <v>0.44073626643284902</v>
      </c>
      <c r="H106" s="101">
        <v>0.11724040499838116</v>
      </c>
      <c r="I106" s="247">
        <v>66</v>
      </c>
      <c r="J106" s="251">
        <v>0.42133661210539808</v>
      </c>
      <c r="K106" s="101">
        <v>0.11583655852125119</v>
      </c>
      <c r="L106" s="251">
        <v>0.26412188238157902</v>
      </c>
      <c r="M106" s="101">
        <v>0.10490735931149216</v>
      </c>
      <c r="N106" s="251">
        <v>0.3145415055130229</v>
      </c>
      <c r="O106" s="101">
        <v>0.10973591672312541</v>
      </c>
      <c r="P106" s="247">
        <v>63</v>
      </c>
      <c r="Q106" s="251">
        <v>0.46342803215178835</v>
      </c>
      <c r="R106" s="101">
        <v>0.11944255007880464</v>
      </c>
      <c r="S106" s="251">
        <v>0.11824865844072059</v>
      </c>
      <c r="T106" s="101">
        <v>8.3344320633303187E-2</v>
      </c>
      <c r="U106" s="251">
        <v>0.41832330940749102</v>
      </c>
      <c r="V106" s="101">
        <v>0.11830526184849563</v>
      </c>
    </row>
    <row r="107" spans="1:22">
      <c r="A107" s="57" t="s">
        <v>448</v>
      </c>
      <c r="B107" s="244">
        <v>284</v>
      </c>
      <c r="C107" s="250">
        <v>0.11567149141790645</v>
      </c>
      <c r="D107" s="98">
        <v>3.7667038597598859E-2</v>
      </c>
      <c r="E107" s="250">
        <v>1.818459217364729E-2</v>
      </c>
      <c r="F107" s="98">
        <v>1.7988048359775282E-2</v>
      </c>
      <c r="G107" s="250">
        <v>0.86614391640844623</v>
      </c>
      <c r="H107" s="98">
        <v>3.9947723735551714E-2</v>
      </c>
      <c r="I107" s="244">
        <v>287</v>
      </c>
      <c r="J107" s="250">
        <v>0.17802409304859773</v>
      </c>
      <c r="K107" s="98">
        <v>4.4375019817058145E-2</v>
      </c>
      <c r="L107" s="250">
        <v>0.20481922872824998</v>
      </c>
      <c r="M107" s="98">
        <v>4.6706428631250969E-2</v>
      </c>
      <c r="N107" s="250">
        <v>0.61715667822315234</v>
      </c>
      <c r="O107" s="98">
        <v>5.5893585090356565E-2</v>
      </c>
      <c r="P107" s="244">
        <v>288</v>
      </c>
      <c r="Q107" s="250">
        <v>0.12820652903127905</v>
      </c>
      <c r="R107" s="98">
        <v>3.8986437658117067E-2</v>
      </c>
      <c r="S107" s="250">
        <v>0.14596093593178708</v>
      </c>
      <c r="T107" s="98">
        <v>4.1047156969217381E-2</v>
      </c>
      <c r="U107" s="250">
        <v>0.72583253503693379</v>
      </c>
      <c r="V107" s="98">
        <v>5.1345195656285737E-2</v>
      </c>
    </row>
    <row r="108" spans="1:22">
      <c r="A108" s="49" t="s">
        <v>449</v>
      </c>
      <c r="B108" s="247">
        <v>297</v>
      </c>
      <c r="C108" s="251">
        <v>0.14763009592159976</v>
      </c>
      <c r="D108" s="101">
        <v>4.0593713440499113E-2</v>
      </c>
      <c r="E108" s="251">
        <v>9.4749165516569436E-2</v>
      </c>
      <c r="F108" s="101">
        <v>3.3912015672593381E-2</v>
      </c>
      <c r="G108" s="251">
        <v>0.75762073856183076</v>
      </c>
      <c r="H108" s="101">
        <v>4.8641693857228059E-2</v>
      </c>
      <c r="I108" s="247">
        <v>301</v>
      </c>
      <c r="J108" s="251">
        <v>0.15605021290066542</v>
      </c>
      <c r="K108" s="101">
        <v>4.1202236219874469E-2</v>
      </c>
      <c r="L108" s="251">
        <v>0.163413562637058</v>
      </c>
      <c r="M108" s="101">
        <v>4.194157310509064E-2</v>
      </c>
      <c r="N108" s="251">
        <v>0.68053622446227657</v>
      </c>
      <c r="O108" s="101">
        <v>5.243113030542948E-2</v>
      </c>
      <c r="P108" s="247">
        <v>301</v>
      </c>
      <c r="Q108" s="251">
        <v>0.25601813206684948</v>
      </c>
      <c r="R108" s="101">
        <v>4.9179474333485698E-2</v>
      </c>
      <c r="S108" s="251">
        <v>8.5411370189496044E-2</v>
      </c>
      <c r="T108" s="101">
        <v>3.2253984515183777E-2</v>
      </c>
      <c r="U108" s="251">
        <v>0.6585704977436545</v>
      </c>
      <c r="V108" s="101">
        <v>5.3295388800534194E-2</v>
      </c>
    </row>
    <row r="109" spans="1:22">
      <c r="A109" s="57" t="s">
        <v>450</v>
      </c>
      <c r="B109" s="244">
        <v>176</v>
      </c>
      <c r="C109" s="250">
        <v>0.41336398114364498</v>
      </c>
      <c r="D109" s="98">
        <v>7.1988926773907211E-2</v>
      </c>
      <c r="E109" s="250">
        <v>0.15531793332126187</v>
      </c>
      <c r="F109" s="98">
        <v>5.3957553271607034E-2</v>
      </c>
      <c r="G109" s="250">
        <v>0.43131808553509315</v>
      </c>
      <c r="H109" s="98">
        <v>7.2383041293822989E-2</v>
      </c>
      <c r="I109" s="244">
        <v>175</v>
      </c>
      <c r="J109" s="250">
        <v>0.29076030982193635</v>
      </c>
      <c r="K109" s="98">
        <v>6.6837702364545684E-2</v>
      </c>
      <c r="L109" s="250">
        <v>0.36291877348836926</v>
      </c>
      <c r="M109" s="98">
        <v>7.0568392263748503E-2</v>
      </c>
      <c r="N109" s="250">
        <v>0.34632091668969434</v>
      </c>
      <c r="O109" s="98">
        <v>6.9863454663474989E-2</v>
      </c>
      <c r="P109" s="244">
        <v>173</v>
      </c>
      <c r="Q109" s="250">
        <v>0.32656766778166407</v>
      </c>
      <c r="R109" s="98">
        <v>6.9298869492865539E-2</v>
      </c>
      <c r="S109" s="250">
        <v>0.27587010311065097</v>
      </c>
      <c r="T109" s="98">
        <v>6.6215021597806969E-2</v>
      </c>
      <c r="U109" s="250">
        <v>0.39756222910768496</v>
      </c>
      <c r="V109" s="98">
        <v>7.2169355037026303E-2</v>
      </c>
    </row>
    <row r="117" spans="1:4" ht="18.75">
      <c r="A117" s="329" t="s">
        <v>65</v>
      </c>
      <c r="B117" s="329"/>
      <c r="C117" s="329"/>
      <c r="D117" s="329"/>
    </row>
    <row r="118" spans="1:4" ht="100.5" customHeight="1">
      <c r="A118" s="362" t="s">
        <v>408</v>
      </c>
      <c r="B118" s="362"/>
      <c r="C118" s="362"/>
      <c r="D118" s="362"/>
    </row>
    <row r="119" spans="1:4" ht="38.25" customHeight="1">
      <c r="A119" s="328" t="s">
        <v>268</v>
      </c>
      <c r="B119" s="328"/>
      <c r="C119" s="328"/>
      <c r="D119" s="328"/>
    </row>
    <row r="120" spans="1:4" ht="38.25" customHeight="1">
      <c r="A120" s="37" t="s">
        <v>114</v>
      </c>
      <c r="B120" s="38" t="s">
        <v>115</v>
      </c>
      <c r="C120" s="39" t="s">
        <v>116</v>
      </c>
      <c r="D120" s="40" t="s">
        <v>117</v>
      </c>
    </row>
    <row r="121" spans="1:4" ht="72">
      <c r="A121" s="41"/>
      <c r="B121" s="42" t="s">
        <v>118</v>
      </c>
      <c r="C121" s="134" t="s">
        <v>247</v>
      </c>
      <c r="D121" s="44" t="s">
        <v>120</v>
      </c>
    </row>
    <row r="122" spans="1:4">
      <c r="A122" s="45" t="s">
        <v>444</v>
      </c>
      <c r="B122" s="252">
        <v>12891</v>
      </c>
      <c r="C122" s="253">
        <v>3.1167761292517424</v>
      </c>
      <c r="D122" s="254">
        <v>0.71203566981940725</v>
      </c>
    </row>
    <row r="123" spans="1:4">
      <c r="A123" s="49" t="s">
        <v>445</v>
      </c>
      <c r="B123" s="255">
        <v>1008</v>
      </c>
      <c r="C123" s="256">
        <v>2.8704012968505159</v>
      </c>
      <c r="D123" s="257">
        <v>2.200920606464694</v>
      </c>
    </row>
    <row r="124" spans="1:4">
      <c r="A124" s="53" t="s">
        <v>446</v>
      </c>
      <c r="B124" s="83">
        <v>118</v>
      </c>
      <c r="C124" s="84">
        <v>5.2542384088960681</v>
      </c>
      <c r="D124" s="85">
        <v>0.33318752501556492</v>
      </c>
    </row>
    <row r="125" spans="1:4">
      <c r="A125" s="49" t="s">
        <v>447</v>
      </c>
      <c r="B125" s="255">
        <v>57</v>
      </c>
      <c r="C125" s="256">
        <v>4.1017955188261084</v>
      </c>
      <c r="D125" s="257">
        <v>0.52868860779643345</v>
      </c>
    </row>
    <row r="126" spans="1:4">
      <c r="A126" s="57" t="s">
        <v>448</v>
      </c>
      <c r="B126" s="252">
        <v>262</v>
      </c>
      <c r="C126" s="253">
        <v>5.4189609066638313</v>
      </c>
      <c r="D126" s="254">
        <v>0.23532607508616898</v>
      </c>
    </row>
    <row r="127" spans="1:4">
      <c r="A127" s="49" t="s">
        <v>449</v>
      </c>
      <c r="B127" s="255">
        <v>282</v>
      </c>
      <c r="C127" s="256">
        <v>5.118649488415187</v>
      </c>
      <c r="D127" s="257">
        <v>0.34322891480174</v>
      </c>
    </row>
    <row r="128" spans="1:4">
      <c r="A128" s="57" t="s">
        <v>450</v>
      </c>
      <c r="B128" s="252">
        <v>163</v>
      </c>
      <c r="C128" s="253">
        <v>4.311977621201553</v>
      </c>
      <c r="D128" s="254">
        <v>0.36555301520633865</v>
      </c>
    </row>
    <row r="136" spans="1:15" ht="18.75">
      <c r="A136" s="329" t="s">
        <v>66</v>
      </c>
      <c r="B136" s="329"/>
      <c r="C136" s="329"/>
      <c r="D136" s="329"/>
      <c r="E136" s="329"/>
      <c r="F136" s="329"/>
      <c r="G136" s="329"/>
      <c r="H136" s="329"/>
      <c r="I136" s="329"/>
      <c r="J136" s="329"/>
      <c r="K136" s="329"/>
      <c r="L136" s="329"/>
      <c r="M136" s="329"/>
      <c r="N136" s="329"/>
      <c r="O136" s="329"/>
    </row>
    <row r="137" spans="1:15" ht="51" customHeight="1">
      <c r="A137" s="360" t="s">
        <v>409</v>
      </c>
      <c r="B137" s="360"/>
      <c r="C137" s="360"/>
      <c r="D137" s="360"/>
      <c r="E137" s="360"/>
      <c r="F137" s="360"/>
      <c r="G137" s="360"/>
      <c r="H137" s="360"/>
      <c r="I137" s="360"/>
      <c r="J137" s="360"/>
      <c r="K137" s="360"/>
      <c r="L137" s="360"/>
      <c r="M137" s="360"/>
      <c r="N137" s="360"/>
      <c r="O137" s="360"/>
    </row>
    <row r="138" spans="1:15" ht="36" customHeight="1">
      <c r="A138" s="64"/>
      <c r="B138" s="354" t="s">
        <v>269</v>
      </c>
      <c r="C138" s="354"/>
      <c r="D138" s="354"/>
      <c r="E138" s="354"/>
      <c r="F138" s="354"/>
      <c r="G138" s="354"/>
      <c r="H138" s="354"/>
      <c r="I138" s="354" t="s">
        <v>270</v>
      </c>
      <c r="J138" s="354"/>
      <c r="K138" s="354"/>
      <c r="L138" s="354"/>
      <c r="M138" s="354"/>
      <c r="N138" s="354"/>
      <c r="O138" s="354"/>
    </row>
    <row r="139" spans="1:15" ht="39.75" customHeight="1">
      <c r="A139" s="37" t="s">
        <v>114</v>
      </c>
      <c r="B139" s="38" t="s">
        <v>115</v>
      </c>
      <c r="C139" s="38" t="s">
        <v>252</v>
      </c>
      <c r="D139" s="93" t="s">
        <v>253</v>
      </c>
      <c r="E139" s="38" t="s">
        <v>254</v>
      </c>
      <c r="F139" s="93" t="s">
        <v>255</v>
      </c>
      <c r="G139" s="38" t="s">
        <v>256</v>
      </c>
      <c r="H139" s="93" t="s">
        <v>195</v>
      </c>
      <c r="I139" s="65" t="s">
        <v>115</v>
      </c>
      <c r="J139" s="65" t="s">
        <v>252</v>
      </c>
      <c r="K139" s="92" t="s">
        <v>253</v>
      </c>
      <c r="L139" s="65" t="s">
        <v>254</v>
      </c>
      <c r="M139" s="92" t="s">
        <v>255</v>
      </c>
      <c r="N139" s="65" t="s">
        <v>256</v>
      </c>
      <c r="O139" s="92" t="s">
        <v>195</v>
      </c>
    </row>
    <row r="140" spans="1:15" ht="72">
      <c r="A140" s="41"/>
      <c r="B140" s="42" t="s">
        <v>118</v>
      </c>
      <c r="C140" s="42" t="s">
        <v>303</v>
      </c>
      <c r="D140" s="95" t="s">
        <v>148</v>
      </c>
      <c r="E140" s="42" t="s">
        <v>304</v>
      </c>
      <c r="F140" s="95" t="s">
        <v>148</v>
      </c>
      <c r="G140" s="42" t="s">
        <v>305</v>
      </c>
      <c r="H140" s="95" t="s">
        <v>148</v>
      </c>
      <c r="I140" s="68" t="s">
        <v>118</v>
      </c>
      <c r="J140" s="68" t="s">
        <v>303</v>
      </c>
      <c r="K140" s="94" t="s">
        <v>148</v>
      </c>
      <c r="L140" s="68" t="s">
        <v>304</v>
      </c>
      <c r="M140" s="94" t="s">
        <v>148</v>
      </c>
      <c r="N140" s="68" t="s">
        <v>305</v>
      </c>
      <c r="O140" s="94" t="s">
        <v>148</v>
      </c>
    </row>
    <row r="141" spans="1:15">
      <c r="A141" s="45" t="s">
        <v>444</v>
      </c>
      <c r="B141" s="252">
        <v>12672</v>
      </c>
      <c r="C141" s="258">
        <v>0.1573109028314873</v>
      </c>
      <c r="D141" s="98">
        <v>6.340148166357383E-3</v>
      </c>
      <c r="E141" s="258">
        <v>9.6135944421366581E-2</v>
      </c>
      <c r="F141" s="98">
        <v>5.1347164131776216E-3</v>
      </c>
      <c r="G141" s="258">
        <v>0.74655315274714618</v>
      </c>
      <c r="H141" s="98">
        <v>7.5732586032777448E-3</v>
      </c>
      <c r="I141" s="252">
        <v>12088</v>
      </c>
      <c r="J141" s="258">
        <v>0.20537399281947191</v>
      </c>
      <c r="K141" s="98">
        <v>7.2017410578803509E-3</v>
      </c>
      <c r="L141" s="258">
        <v>0.12623884649899059</v>
      </c>
      <c r="M141" s="98">
        <v>5.9221815845212113E-3</v>
      </c>
      <c r="N141" s="258">
        <v>0.66838716068153747</v>
      </c>
      <c r="O141" s="98">
        <v>8.3917994134531521E-3</v>
      </c>
    </row>
    <row r="142" spans="1:15">
      <c r="A142" s="49" t="s">
        <v>445</v>
      </c>
      <c r="B142" s="255">
        <v>1007</v>
      </c>
      <c r="C142" s="259">
        <v>0.15827927607936787</v>
      </c>
      <c r="D142" s="101">
        <v>2.2577426574318538E-2</v>
      </c>
      <c r="E142" s="259">
        <v>8.6253913001243437E-2</v>
      </c>
      <c r="F142" s="101">
        <v>1.745323043521909E-2</v>
      </c>
      <c r="G142" s="259">
        <v>0.75546681091938872</v>
      </c>
      <c r="H142" s="101">
        <v>2.6531516737762467E-2</v>
      </c>
      <c r="I142" s="255">
        <v>946</v>
      </c>
      <c r="J142" s="259">
        <v>0.29519901735746679</v>
      </c>
      <c r="K142" s="101">
        <v>2.9030367010716641E-2</v>
      </c>
      <c r="L142" s="259">
        <v>0.13072463962484449</v>
      </c>
      <c r="M142" s="101">
        <v>2.1544203699225668E-2</v>
      </c>
      <c r="N142" s="259">
        <v>0.57407634301768873</v>
      </c>
      <c r="O142" s="101">
        <v>3.1447485264482246E-2</v>
      </c>
    </row>
    <row r="143" spans="1:15">
      <c r="A143" s="53" t="s">
        <v>446</v>
      </c>
      <c r="B143" s="54">
        <v>125</v>
      </c>
      <c r="C143" s="187">
        <v>6.9616260706447761E-2</v>
      </c>
      <c r="D143" s="98">
        <v>4.7598501647815768E-2</v>
      </c>
      <c r="E143" s="187">
        <v>7.1498283728681181E-2</v>
      </c>
      <c r="F143" s="98">
        <v>4.8070945231239094E-2</v>
      </c>
      <c r="G143" s="187">
        <v>0.85888545556487106</v>
      </c>
      <c r="H143" s="98">
        <v>6.1996234528807058E-2</v>
      </c>
      <c r="I143" s="54">
        <v>120</v>
      </c>
      <c r="J143" s="187">
        <v>0.17739364169103369</v>
      </c>
      <c r="K143" s="98">
        <v>6.8742414247299627E-2</v>
      </c>
      <c r="L143" s="187">
        <v>0.11893350040763194</v>
      </c>
      <c r="M143" s="98">
        <v>5.9430384097026723E-2</v>
      </c>
      <c r="N143" s="187">
        <v>0.70367285790133438</v>
      </c>
      <c r="O143" s="98">
        <v>8.088002663424132E-2</v>
      </c>
    </row>
    <row r="144" spans="1:15">
      <c r="A144" s="49" t="s">
        <v>447</v>
      </c>
      <c r="B144" s="255">
        <v>65</v>
      </c>
      <c r="C144" s="259">
        <v>0.27250836327555922</v>
      </c>
      <c r="D144" s="101">
        <v>0.10659216336968462</v>
      </c>
      <c r="E144" s="259">
        <v>0.11001055917307939</v>
      </c>
      <c r="F144" s="101">
        <v>8.002742759933848E-2</v>
      </c>
      <c r="G144" s="259">
        <v>0.61748107755136139</v>
      </c>
      <c r="H144" s="101">
        <v>0.11505185788760072</v>
      </c>
      <c r="I144" s="255">
        <v>58</v>
      </c>
      <c r="J144" s="259">
        <v>0.48572441814768835</v>
      </c>
      <c r="K144" s="101">
        <v>0.12441572292904335</v>
      </c>
      <c r="L144" s="259">
        <v>9.8446209976555635E-2</v>
      </c>
      <c r="M144" s="101">
        <v>8.2139631753051182E-2</v>
      </c>
      <c r="N144" s="259">
        <v>0.41582937187575614</v>
      </c>
      <c r="O144" s="101">
        <v>0.12290712250715996</v>
      </c>
    </row>
    <row r="145" spans="1:15">
      <c r="A145" s="57" t="s">
        <v>448</v>
      </c>
      <c r="B145" s="252">
        <v>286</v>
      </c>
      <c r="C145" s="258">
        <v>6.0572811159528027E-2</v>
      </c>
      <c r="D145" s="98">
        <v>2.8703220496619067E-2</v>
      </c>
      <c r="E145" s="258">
        <v>0.12033081522921424</v>
      </c>
      <c r="F145" s="98">
        <v>3.8138098532108027E-2</v>
      </c>
      <c r="G145" s="258">
        <v>0.81909637361125764</v>
      </c>
      <c r="H145" s="98">
        <v>4.4719622280930134E-2</v>
      </c>
      <c r="I145" s="252">
        <v>264</v>
      </c>
      <c r="J145" s="258">
        <v>0.13410143426125576</v>
      </c>
      <c r="K145" s="98">
        <v>4.1488988679861387E-2</v>
      </c>
      <c r="L145" s="258">
        <v>0.14050394612984068</v>
      </c>
      <c r="M145" s="98">
        <v>4.2260351923288364E-2</v>
      </c>
      <c r="N145" s="258">
        <v>0.72539461960890361</v>
      </c>
      <c r="O145" s="98">
        <v>5.3637065444361524E-2</v>
      </c>
    </row>
    <row r="146" spans="1:15">
      <c r="A146" s="49" t="s">
        <v>449</v>
      </c>
      <c r="B146" s="255">
        <v>300</v>
      </c>
      <c r="C146" s="259">
        <v>0.19974440848441405</v>
      </c>
      <c r="D146" s="101">
        <v>4.5274044801930161E-2</v>
      </c>
      <c r="E146" s="259">
        <v>5.6634878563253846E-2</v>
      </c>
      <c r="F146" s="101">
        <v>2.7204652009011517E-2</v>
      </c>
      <c r="G146" s="259">
        <v>0.74362071295233212</v>
      </c>
      <c r="H146" s="101">
        <v>4.9282937297701078E-2</v>
      </c>
      <c r="I146" s="255">
        <v>287</v>
      </c>
      <c r="J146" s="259">
        <v>0.30484897678696637</v>
      </c>
      <c r="K146" s="101">
        <v>5.302178906163358E-2</v>
      </c>
      <c r="L146" s="259">
        <v>0.13620292825984551</v>
      </c>
      <c r="M146" s="101">
        <v>4.0010827854703654E-2</v>
      </c>
      <c r="N146" s="259">
        <v>0.55894809495318809</v>
      </c>
      <c r="O146" s="101">
        <v>5.7058942579923382E-2</v>
      </c>
    </row>
    <row r="147" spans="1:15">
      <c r="A147" s="57" t="s">
        <v>450</v>
      </c>
      <c r="B147" s="252">
        <v>174</v>
      </c>
      <c r="C147" s="258">
        <v>0.21694485070703434</v>
      </c>
      <c r="D147" s="98">
        <v>6.1181622837252286E-2</v>
      </c>
      <c r="E147" s="258">
        <v>0.12444185433925463</v>
      </c>
      <c r="F147" s="98">
        <v>4.9867473769704983E-2</v>
      </c>
      <c r="G147" s="258">
        <v>0.65861329495371101</v>
      </c>
      <c r="H147" s="98">
        <v>6.9833158110114965E-2</v>
      </c>
      <c r="I147" s="252">
        <v>165</v>
      </c>
      <c r="J147" s="258">
        <v>0.61920717040109707</v>
      </c>
      <c r="K147" s="98">
        <v>7.3313911443804849E-2</v>
      </c>
      <c r="L147" s="258">
        <v>0.18882695961634199</v>
      </c>
      <c r="M147" s="98">
        <v>5.9872794666124295E-2</v>
      </c>
      <c r="N147" s="258">
        <v>0.19196586998256096</v>
      </c>
      <c r="O147" s="98">
        <v>6.0223470072008782E-2</v>
      </c>
    </row>
    <row r="155" spans="1:15" ht="18.75">
      <c r="A155" s="329" t="s">
        <v>67</v>
      </c>
      <c r="B155" s="329"/>
      <c r="C155" s="329"/>
      <c r="D155" s="329"/>
    </row>
    <row r="156" spans="1:15" ht="118.5" customHeight="1">
      <c r="A156" s="362" t="s">
        <v>410</v>
      </c>
      <c r="B156" s="362"/>
      <c r="C156" s="362"/>
      <c r="D156" s="362"/>
    </row>
    <row r="157" spans="1:15" ht="31.5" customHeight="1">
      <c r="A157" s="328" t="s">
        <v>271</v>
      </c>
      <c r="B157" s="328"/>
      <c r="C157" s="328"/>
      <c r="D157" s="328"/>
    </row>
    <row r="158" spans="1:15" ht="42" customHeight="1">
      <c r="A158" s="37" t="s">
        <v>114</v>
      </c>
      <c r="B158" s="38" t="s">
        <v>115</v>
      </c>
      <c r="C158" s="39" t="s">
        <v>116</v>
      </c>
      <c r="D158" s="40" t="s">
        <v>117</v>
      </c>
    </row>
    <row r="159" spans="1:15" ht="72">
      <c r="A159" s="41"/>
      <c r="B159" s="42" t="s">
        <v>118</v>
      </c>
      <c r="C159" s="134" t="s">
        <v>247</v>
      </c>
      <c r="D159" s="44" t="s">
        <v>120</v>
      </c>
    </row>
    <row r="160" spans="1:15">
      <c r="A160" s="45" t="s">
        <v>444</v>
      </c>
      <c r="B160" s="260">
        <v>12078</v>
      </c>
      <c r="C160" s="261">
        <v>4.1926140888622649</v>
      </c>
      <c r="D160" s="262">
        <v>4.9076500843944437E-2</v>
      </c>
    </row>
    <row r="161" spans="1:36">
      <c r="A161" s="49" t="s">
        <v>445</v>
      </c>
      <c r="B161" s="263">
        <v>984</v>
      </c>
      <c r="C161" s="264">
        <v>4.2945686262649518</v>
      </c>
      <c r="D161" s="265">
        <v>0.180455489095948</v>
      </c>
    </row>
    <row r="162" spans="1:36">
      <c r="A162" s="53" t="s">
        <v>446</v>
      </c>
      <c r="B162" s="83">
        <v>128</v>
      </c>
      <c r="C162" s="84">
        <v>4.7053409866111586</v>
      </c>
      <c r="D162" s="85">
        <v>0.44549858259468156</v>
      </c>
    </row>
    <row r="163" spans="1:36">
      <c r="A163" s="49" t="s">
        <v>447</v>
      </c>
      <c r="B163" s="263">
        <v>66</v>
      </c>
      <c r="C163" s="264">
        <v>4.1906754813866778</v>
      </c>
      <c r="D163" s="265">
        <v>0.46811121159748614</v>
      </c>
    </row>
    <row r="164" spans="1:36">
      <c r="A164" s="57" t="s">
        <v>448</v>
      </c>
      <c r="B164" s="260">
        <v>284</v>
      </c>
      <c r="C164" s="261">
        <v>4.2177661534430317</v>
      </c>
      <c r="D164" s="262">
        <v>0.28279546330114735</v>
      </c>
    </row>
    <row r="165" spans="1:36">
      <c r="A165" s="49" t="s">
        <v>449</v>
      </c>
      <c r="B165" s="263">
        <v>301</v>
      </c>
      <c r="C165" s="264">
        <v>4.3620821164279828</v>
      </c>
      <c r="D165" s="265">
        <v>0.32868346807841142</v>
      </c>
    </row>
    <row r="166" spans="1:36">
      <c r="A166" s="57" t="s">
        <v>450</v>
      </c>
      <c r="B166" s="260">
        <v>174</v>
      </c>
      <c r="C166" s="261">
        <v>3.3548181497187657</v>
      </c>
      <c r="D166" s="262">
        <v>0.43163047841753066</v>
      </c>
    </row>
    <row r="174" spans="1:36" ht="18.75">
      <c r="A174" s="329" t="s">
        <v>68</v>
      </c>
      <c r="B174" s="329"/>
      <c r="C174" s="329"/>
      <c r="D174" s="329"/>
      <c r="E174" s="329"/>
      <c r="F174" s="329"/>
      <c r="G174" s="329"/>
      <c r="H174" s="329"/>
      <c r="I174" s="329"/>
      <c r="J174" s="329"/>
      <c r="K174" s="329"/>
      <c r="L174" s="329"/>
      <c r="M174" s="329"/>
      <c r="N174" s="329"/>
      <c r="O174" s="329"/>
      <c r="P174" s="329"/>
      <c r="Q174" s="329"/>
      <c r="R174" s="329"/>
      <c r="S174" s="329"/>
      <c r="T174" s="329"/>
      <c r="U174" s="329"/>
      <c r="V174" s="329"/>
      <c r="W174" s="329"/>
      <c r="X174" s="329"/>
      <c r="Y174" s="329"/>
      <c r="Z174" s="329"/>
      <c r="AA174" s="329"/>
      <c r="AB174" s="329"/>
      <c r="AC174" s="329"/>
      <c r="AD174" s="329"/>
      <c r="AE174" s="329"/>
      <c r="AF174" s="329"/>
      <c r="AG174" s="329"/>
      <c r="AH174" s="329"/>
      <c r="AI174" s="329"/>
      <c r="AJ174" s="329"/>
    </row>
    <row r="175" spans="1:36" ht="70.5" customHeight="1">
      <c r="A175" s="360" t="s">
        <v>412</v>
      </c>
      <c r="B175" s="360"/>
      <c r="C175" s="360"/>
      <c r="D175" s="360"/>
      <c r="E175" s="360"/>
      <c r="F175" s="360"/>
      <c r="G175" s="360"/>
      <c r="H175" s="360"/>
      <c r="I175" s="360"/>
      <c r="J175" s="360"/>
      <c r="K175" s="360"/>
      <c r="L175" s="360"/>
      <c r="M175" s="360"/>
      <c r="N175" s="360"/>
      <c r="O175" s="360"/>
      <c r="P175" s="360"/>
      <c r="Q175" s="360"/>
      <c r="R175" s="360"/>
      <c r="S175" s="360"/>
      <c r="T175" s="360"/>
      <c r="U175" s="360"/>
      <c r="V175" s="360"/>
      <c r="W175" s="360"/>
      <c r="X175" s="360"/>
      <c r="Y175" s="360"/>
      <c r="Z175" s="360"/>
      <c r="AA175" s="360"/>
      <c r="AB175" s="360"/>
      <c r="AC175" s="360"/>
      <c r="AD175" s="360"/>
      <c r="AE175" s="360"/>
      <c r="AF175" s="360"/>
      <c r="AG175" s="360"/>
      <c r="AH175" s="360"/>
      <c r="AI175" s="360"/>
      <c r="AJ175" s="360"/>
    </row>
    <row r="176" spans="1:36" ht="33" customHeight="1">
      <c r="A176" s="64"/>
      <c r="B176" s="354" t="s">
        <v>411</v>
      </c>
      <c r="C176" s="354"/>
      <c r="D176" s="354"/>
      <c r="E176" s="354"/>
      <c r="F176" s="354"/>
      <c r="G176" s="354"/>
      <c r="H176" s="354"/>
      <c r="I176" s="354" t="s">
        <v>413</v>
      </c>
      <c r="J176" s="354"/>
      <c r="K176" s="354"/>
      <c r="L176" s="354"/>
      <c r="M176" s="354"/>
      <c r="N176" s="354"/>
      <c r="O176" s="354"/>
      <c r="P176" s="354" t="s">
        <v>414</v>
      </c>
      <c r="Q176" s="354"/>
      <c r="R176" s="354"/>
      <c r="S176" s="354"/>
      <c r="T176" s="354"/>
      <c r="U176" s="354"/>
      <c r="V176" s="354"/>
      <c r="W176" s="354" t="s">
        <v>415</v>
      </c>
      <c r="X176" s="354"/>
      <c r="Y176" s="354"/>
      <c r="Z176" s="354"/>
      <c r="AA176" s="354"/>
      <c r="AB176" s="354"/>
      <c r="AC176" s="354"/>
      <c r="AD176" s="354" t="s">
        <v>416</v>
      </c>
      <c r="AE176" s="354"/>
      <c r="AF176" s="354"/>
      <c r="AG176" s="354"/>
      <c r="AH176" s="354"/>
      <c r="AI176" s="354"/>
      <c r="AJ176" s="354"/>
    </row>
    <row r="177" spans="1:36" ht="41.25" customHeight="1">
      <c r="A177" s="37" t="s">
        <v>114</v>
      </c>
      <c r="B177" s="38" t="s">
        <v>115</v>
      </c>
      <c r="C177" s="38" t="s">
        <v>252</v>
      </c>
      <c r="D177" s="93" t="s">
        <v>253</v>
      </c>
      <c r="E177" s="38" t="s">
        <v>254</v>
      </c>
      <c r="F177" s="93" t="s">
        <v>255</v>
      </c>
      <c r="G177" s="38" t="s">
        <v>256</v>
      </c>
      <c r="H177" s="93" t="s">
        <v>195</v>
      </c>
      <c r="I177" s="65" t="s">
        <v>115</v>
      </c>
      <c r="J177" s="65" t="s">
        <v>252</v>
      </c>
      <c r="K177" s="92" t="s">
        <v>253</v>
      </c>
      <c r="L177" s="65" t="s">
        <v>254</v>
      </c>
      <c r="M177" s="92" t="s">
        <v>255</v>
      </c>
      <c r="N177" s="65" t="s">
        <v>256</v>
      </c>
      <c r="O177" s="92" t="s">
        <v>195</v>
      </c>
      <c r="P177" s="38" t="s">
        <v>115</v>
      </c>
      <c r="Q177" s="38" t="s">
        <v>252</v>
      </c>
      <c r="R177" s="93" t="s">
        <v>253</v>
      </c>
      <c r="S177" s="38" t="s">
        <v>254</v>
      </c>
      <c r="T177" s="93" t="s">
        <v>255</v>
      </c>
      <c r="U177" s="38" t="s">
        <v>256</v>
      </c>
      <c r="V177" s="93" t="s">
        <v>195</v>
      </c>
      <c r="W177" s="65" t="s">
        <v>115</v>
      </c>
      <c r="X177" s="65" t="s">
        <v>252</v>
      </c>
      <c r="Y177" s="92" t="s">
        <v>253</v>
      </c>
      <c r="Z177" s="65" t="s">
        <v>254</v>
      </c>
      <c r="AA177" s="92" t="s">
        <v>255</v>
      </c>
      <c r="AB177" s="65" t="s">
        <v>256</v>
      </c>
      <c r="AC177" s="92" t="s">
        <v>195</v>
      </c>
      <c r="AD177" s="38" t="s">
        <v>115</v>
      </c>
      <c r="AE177" s="38" t="s">
        <v>252</v>
      </c>
      <c r="AF177" s="93" t="s">
        <v>253</v>
      </c>
      <c r="AG177" s="38" t="s">
        <v>254</v>
      </c>
      <c r="AH177" s="93" t="s">
        <v>255</v>
      </c>
      <c r="AI177" s="38" t="s">
        <v>256</v>
      </c>
      <c r="AJ177" s="93" t="s">
        <v>195</v>
      </c>
    </row>
    <row r="178" spans="1:36" ht="72">
      <c r="A178" s="41"/>
      <c r="B178" s="42" t="s">
        <v>118</v>
      </c>
      <c r="C178" s="42" t="s">
        <v>303</v>
      </c>
      <c r="D178" s="95" t="s">
        <v>148</v>
      </c>
      <c r="E178" s="42" t="s">
        <v>304</v>
      </c>
      <c r="F178" s="95" t="s">
        <v>148</v>
      </c>
      <c r="G178" s="42" t="s">
        <v>305</v>
      </c>
      <c r="H178" s="95" t="s">
        <v>148</v>
      </c>
      <c r="I178" s="68" t="s">
        <v>118</v>
      </c>
      <c r="J178" s="68" t="s">
        <v>303</v>
      </c>
      <c r="K178" s="94" t="s">
        <v>148</v>
      </c>
      <c r="L178" s="68" t="s">
        <v>304</v>
      </c>
      <c r="M178" s="94" t="s">
        <v>148</v>
      </c>
      <c r="N178" s="68" t="s">
        <v>305</v>
      </c>
      <c r="O178" s="94" t="s">
        <v>148</v>
      </c>
      <c r="P178" s="42" t="s">
        <v>118</v>
      </c>
      <c r="Q178" s="42" t="s">
        <v>303</v>
      </c>
      <c r="R178" s="95" t="s">
        <v>148</v>
      </c>
      <c r="S178" s="42" t="s">
        <v>304</v>
      </c>
      <c r="T178" s="95" t="s">
        <v>148</v>
      </c>
      <c r="U178" s="42" t="s">
        <v>305</v>
      </c>
      <c r="V178" s="95" t="s">
        <v>148</v>
      </c>
      <c r="W178" s="68" t="s">
        <v>118</v>
      </c>
      <c r="X178" s="68" t="s">
        <v>303</v>
      </c>
      <c r="Y178" s="94" t="s">
        <v>148</v>
      </c>
      <c r="Z178" s="68" t="s">
        <v>304</v>
      </c>
      <c r="AA178" s="94" t="s">
        <v>148</v>
      </c>
      <c r="AB178" s="68" t="s">
        <v>305</v>
      </c>
      <c r="AC178" s="94" t="s">
        <v>148</v>
      </c>
      <c r="AD178" s="42" t="s">
        <v>118</v>
      </c>
      <c r="AE178" s="42" t="s">
        <v>303</v>
      </c>
      <c r="AF178" s="95" t="s">
        <v>148</v>
      </c>
      <c r="AG178" s="42" t="s">
        <v>304</v>
      </c>
      <c r="AH178" s="95" t="s">
        <v>148</v>
      </c>
      <c r="AI178" s="42" t="s">
        <v>305</v>
      </c>
      <c r="AJ178" s="95" t="s">
        <v>148</v>
      </c>
    </row>
    <row r="179" spans="1:36">
      <c r="A179" s="45" t="s">
        <v>444</v>
      </c>
      <c r="B179" s="260">
        <v>12727</v>
      </c>
      <c r="C179" s="266">
        <v>0.27278908462855939</v>
      </c>
      <c r="D179" s="98">
        <v>7.7375595187592341E-3</v>
      </c>
      <c r="E179" s="266">
        <v>0.1268279632725578</v>
      </c>
      <c r="F179" s="98">
        <v>5.7830070731710384E-3</v>
      </c>
      <c r="G179" s="266">
        <v>0.60038295209888282</v>
      </c>
      <c r="H179" s="98">
        <v>8.5087687742872661E-3</v>
      </c>
      <c r="I179" s="260">
        <v>12752</v>
      </c>
      <c r="J179" s="266">
        <v>0.25953058038529764</v>
      </c>
      <c r="K179" s="98">
        <v>7.6082997898237331E-3</v>
      </c>
      <c r="L179" s="266">
        <v>0.10330578314456425</v>
      </c>
      <c r="M179" s="98">
        <v>5.2846290756181731E-3</v>
      </c>
      <c r="N179" s="266">
        <v>0.63716363647013807</v>
      </c>
      <c r="O179" s="98">
        <v>8.344316926146414E-3</v>
      </c>
      <c r="P179" s="260">
        <v>12473</v>
      </c>
      <c r="Q179" s="266">
        <v>0.40441711975162603</v>
      </c>
      <c r="R179" s="98">
        <v>8.6117642574307738E-3</v>
      </c>
      <c r="S179" s="266">
        <v>0.13509042885643072</v>
      </c>
      <c r="T179" s="98">
        <v>6.0000824391698059E-3</v>
      </c>
      <c r="U179" s="266">
        <v>0.46049245139194322</v>
      </c>
      <c r="V179" s="98">
        <v>8.7460484509707167E-3</v>
      </c>
      <c r="W179" s="260">
        <v>12447</v>
      </c>
      <c r="X179" s="266">
        <v>0.41184555014524871</v>
      </c>
      <c r="Y179" s="98">
        <v>8.6451257082395573E-3</v>
      </c>
      <c r="Z179" s="266">
        <v>0.14495793909519414</v>
      </c>
      <c r="AA179" s="98">
        <v>6.1860086662780265E-3</v>
      </c>
      <c r="AB179" s="266">
        <v>0.44319651075955718</v>
      </c>
      <c r="AC179" s="98">
        <v>8.7257932618434991E-3</v>
      </c>
      <c r="AD179" s="260">
        <v>12454</v>
      </c>
      <c r="AE179" s="266">
        <v>0.39801921784764011</v>
      </c>
      <c r="AF179" s="98">
        <v>8.5957008789744639E-3</v>
      </c>
      <c r="AG179" s="266">
        <v>0.17956068930222707</v>
      </c>
      <c r="AH179" s="98">
        <v>6.7415215182809679E-3</v>
      </c>
      <c r="AI179" s="266">
        <v>0.42242009285013282</v>
      </c>
      <c r="AJ179" s="98">
        <v>8.6738851914975098E-3</v>
      </c>
    </row>
    <row r="180" spans="1:36">
      <c r="A180" s="49" t="s">
        <v>445</v>
      </c>
      <c r="B180" s="263">
        <v>1013</v>
      </c>
      <c r="C180" s="267">
        <v>0.23976618836976391</v>
      </c>
      <c r="D180" s="101">
        <v>2.6278199651045733E-2</v>
      </c>
      <c r="E180" s="267">
        <v>0.16831415102849462</v>
      </c>
      <c r="F180" s="101">
        <v>2.3065945279158239E-2</v>
      </c>
      <c r="G180" s="267">
        <v>0.59191966060174139</v>
      </c>
      <c r="H180" s="101">
        <v>3.0210605994174213E-2</v>
      </c>
      <c r="I180" s="263">
        <v>1018</v>
      </c>
      <c r="J180" s="267">
        <v>0.21269428750587355</v>
      </c>
      <c r="K180" s="101">
        <v>2.5137082680255537E-2</v>
      </c>
      <c r="L180" s="267">
        <v>0.11750220791621195</v>
      </c>
      <c r="M180" s="101">
        <v>1.9851388853453986E-2</v>
      </c>
      <c r="N180" s="267">
        <v>0.66980350457791449</v>
      </c>
      <c r="O180" s="101">
        <v>2.8847727918566698E-2</v>
      </c>
      <c r="P180" s="263">
        <v>1007</v>
      </c>
      <c r="Q180" s="267">
        <v>0.40473786746493778</v>
      </c>
      <c r="R180" s="101">
        <v>3.0261198571758456E-2</v>
      </c>
      <c r="S180" s="267">
        <v>0.11140935289497912</v>
      </c>
      <c r="T180" s="101">
        <v>1.9511573689307966E-2</v>
      </c>
      <c r="U180" s="267">
        <v>0.483852779640083</v>
      </c>
      <c r="V180" s="101">
        <v>3.0805318296624265E-2</v>
      </c>
      <c r="W180" s="263">
        <v>1007</v>
      </c>
      <c r="X180" s="267">
        <v>0.37396376653821162</v>
      </c>
      <c r="Y180" s="101">
        <v>2.9833988476532815E-2</v>
      </c>
      <c r="Z180" s="267">
        <v>0.14752874612467179</v>
      </c>
      <c r="AA180" s="101">
        <v>2.1945534303695651E-2</v>
      </c>
      <c r="AB180" s="267">
        <v>0.47850748733711657</v>
      </c>
      <c r="AC180" s="101">
        <v>3.0793005216140017E-2</v>
      </c>
      <c r="AD180" s="263">
        <v>1003</v>
      </c>
      <c r="AE180" s="267">
        <v>0.39718384107663346</v>
      </c>
      <c r="AF180" s="101">
        <v>3.0227732196579819E-2</v>
      </c>
      <c r="AG180" s="267">
        <v>0.17204908300027486</v>
      </c>
      <c r="AH180" s="101">
        <v>2.338114871620486E-2</v>
      </c>
      <c r="AI180" s="267">
        <v>0.43076707592309171</v>
      </c>
      <c r="AJ180" s="101">
        <v>3.0587307200100333E-2</v>
      </c>
    </row>
    <row r="181" spans="1:36">
      <c r="A181" s="53" t="s">
        <v>446</v>
      </c>
      <c r="B181" s="54">
        <v>128</v>
      </c>
      <c r="C181" s="187">
        <v>0.12121296062458597</v>
      </c>
      <c r="D181" s="98">
        <v>5.7873168329903184E-2</v>
      </c>
      <c r="E181" s="187">
        <v>0.18283639783498259</v>
      </c>
      <c r="F181" s="98">
        <v>6.7252828342875659E-2</v>
      </c>
      <c r="G181" s="187">
        <v>0.69595064154043129</v>
      </c>
      <c r="H181" s="98">
        <v>7.8898651743072298E-2</v>
      </c>
      <c r="I181" s="54">
        <v>128</v>
      </c>
      <c r="J181" s="187">
        <v>0.22755262640172244</v>
      </c>
      <c r="K181" s="98">
        <v>7.2418579761946461E-2</v>
      </c>
      <c r="L181" s="187">
        <v>0.11095752089732558</v>
      </c>
      <c r="M181" s="98">
        <v>5.5980465273069303E-2</v>
      </c>
      <c r="N181" s="187">
        <v>0.66148985270095195</v>
      </c>
      <c r="O181" s="98">
        <v>8.1006679435614612E-2</v>
      </c>
      <c r="P181" s="54">
        <v>128</v>
      </c>
      <c r="Q181" s="187">
        <v>0.37340806528063364</v>
      </c>
      <c r="R181" s="98">
        <v>8.2687388979806598E-2</v>
      </c>
      <c r="S181" s="187">
        <v>6.8645458367676979E-2</v>
      </c>
      <c r="T181" s="98">
        <v>4.6731865774371148E-2</v>
      </c>
      <c r="U181" s="187">
        <v>0.55794647635168937</v>
      </c>
      <c r="V181" s="98">
        <v>8.4757704078464807E-2</v>
      </c>
      <c r="W181" s="54">
        <v>128</v>
      </c>
      <c r="X181" s="187">
        <v>0.26483866125612582</v>
      </c>
      <c r="Y181" s="98">
        <v>7.5910460248898831E-2</v>
      </c>
      <c r="Z181" s="187">
        <v>0.11677971905404184</v>
      </c>
      <c r="AA181" s="98">
        <v>5.7068879758694332E-2</v>
      </c>
      <c r="AB181" s="187">
        <v>0.6183816196898323</v>
      </c>
      <c r="AC181" s="98">
        <v>8.301954996386833E-2</v>
      </c>
      <c r="AD181" s="54">
        <v>128</v>
      </c>
      <c r="AE181" s="187">
        <v>0.36935628402532938</v>
      </c>
      <c r="AF181" s="98">
        <v>8.251473690346034E-2</v>
      </c>
      <c r="AG181" s="187">
        <v>0.1058476323911348</v>
      </c>
      <c r="AH181" s="98">
        <v>5.4993572093859862E-2</v>
      </c>
      <c r="AI181" s="187">
        <v>0.5247960835835358</v>
      </c>
      <c r="AJ181" s="98">
        <v>8.5199364708482828E-2</v>
      </c>
    </row>
    <row r="182" spans="1:36">
      <c r="A182" s="49" t="s">
        <v>447</v>
      </c>
      <c r="B182" s="263">
        <v>65</v>
      </c>
      <c r="C182" s="267">
        <v>0.21245443458705851</v>
      </c>
      <c r="D182" s="101">
        <v>9.9165112360160831E-2</v>
      </c>
      <c r="E182" s="267">
        <v>0.15670578011156594</v>
      </c>
      <c r="F182" s="101">
        <v>8.9978544941194796E-2</v>
      </c>
      <c r="G182" s="267">
        <v>0.63083978530137552</v>
      </c>
      <c r="H182" s="101">
        <v>0.11433736777058587</v>
      </c>
      <c r="I182" s="263">
        <v>66</v>
      </c>
      <c r="J182" s="267">
        <v>7.7275849999781154E-2</v>
      </c>
      <c r="K182" s="101">
        <v>7.0724372063463589E-2</v>
      </c>
      <c r="L182" s="267">
        <v>0.14852937804737654</v>
      </c>
      <c r="M182" s="101">
        <v>8.7711112279929185E-2</v>
      </c>
      <c r="N182" s="267">
        <v>0.77419477195284236</v>
      </c>
      <c r="O182" s="101">
        <v>0.1002598774123524</v>
      </c>
      <c r="P182" s="263">
        <v>66</v>
      </c>
      <c r="Q182" s="267">
        <v>0.46674531002430703</v>
      </c>
      <c r="R182" s="101">
        <v>0.11690187117497253</v>
      </c>
      <c r="S182" s="267">
        <v>0.17670163626773133</v>
      </c>
      <c r="T182" s="101">
        <v>9.2847576587877276E-2</v>
      </c>
      <c r="U182" s="267">
        <v>0.3565530537079617</v>
      </c>
      <c r="V182" s="101">
        <v>0.11276570621245181</v>
      </c>
      <c r="W182" s="263">
        <v>66</v>
      </c>
      <c r="X182" s="267">
        <v>0.44939406445271879</v>
      </c>
      <c r="Y182" s="101">
        <v>0.11659784688201358</v>
      </c>
      <c r="Z182" s="267">
        <v>0.21111722003929656</v>
      </c>
      <c r="AA182" s="101">
        <v>9.8227028289128854E-2</v>
      </c>
      <c r="AB182" s="267">
        <v>0.33948871550798465</v>
      </c>
      <c r="AC182" s="101">
        <v>0.11163804370393925</v>
      </c>
      <c r="AD182" s="263">
        <v>66</v>
      </c>
      <c r="AE182" s="267">
        <v>0.45303928313204467</v>
      </c>
      <c r="AF182" s="101">
        <v>0.11667222956741324</v>
      </c>
      <c r="AG182" s="267">
        <v>0.20731769643994263</v>
      </c>
      <c r="AH182" s="101">
        <v>9.7676739614065991E-2</v>
      </c>
      <c r="AI182" s="267">
        <v>0.3396430204280127</v>
      </c>
      <c r="AJ182" s="101">
        <v>0.1116488617587474</v>
      </c>
    </row>
    <row r="183" spans="1:36">
      <c r="A183" s="57" t="s">
        <v>448</v>
      </c>
      <c r="B183" s="260">
        <v>286</v>
      </c>
      <c r="C183" s="266">
        <v>0.22859450100977963</v>
      </c>
      <c r="D183" s="98">
        <v>4.8607382346813013E-2</v>
      </c>
      <c r="E183" s="266">
        <v>0.22350731336058097</v>
      </c>
      <c r="F183" s="98">
        <v>4.823656901988E-2</v>
      </c>
      <c r="G183" s="266">
        <v>0.54789818562963943</v>
      </c>
      <c r="H183" s="98">
        <v>5.7290184438463371E-2</v>
      </c>
      <c r="I183" s="260">
        <v>290</v>
      </c>
      <c r="J183" s="266">
        <v>0.20253684800860045</v>
      </c>
      <c r="K183" s="98">
        <v>4.627870499663856E-2</v>
      </c>
      <c r="L183" s="266">
        <v>0.11379912343213844</v>
      </c>
      <c r="M183" s="98">
        <v>3.7019312348937482E-2</v>
      </c>
      <c r="N183" s="266">
        <v>0.68366402855926112</v>
      </c>
      <c r="O183" s="98">
        <v>5.3271078773656076E-2</v>
      </c>
      <c r="P183" s="260">
        <v>285</v>
      </c>
      <c r="Q183" s="266">
        <v>0.38479727697970356</v>
      </c>
      <c r="R183" s="98">
        <v>5.6139258677416239E-2</v>
      </c>
      <c r="S183" s="266">
        <v>0.19114450018511167</v>
      </c>
      <c r="T183" s="98">
        <v>4.5716786550375074E-2</v>
      </c>
      <c r="U183" s="266">
        <v>0.42405822283518468</v>
      </c>
      <c r="V183" s="98">
        <v>5.6996750611629836E-2</v>
      </c>
      <c r="W183" s="260">
        <v>283</v>
      </c>
      <c r="X183" s="266">
        <v>0.40199275127326023</v>
      </c>
      <c r="Y183" s="98">
        <v>5.6756746801062803E-2</v>
      </c>
      <c r="Z183" s="266">
        <v>0.16605136495688386</v>
      </c>
      <c r="AA183" s="98">
        <v>4.3530481991364903E-2</v>
      </c>
      <c r="AB183" s="266">
        <v>0.43195588376985589</v>
      </c>
      <c r="AC183" s="98">
        <v>5.7324363610805659E-2</v>
      </c>
      <c r="AD183" s="260">
        <v>282</v>
      </c>
      <c r="AE183" s="266">
        <v>0.39758034258348857</v>
      </c>
      <c r="AF183" s="98">
        <v>5.6754339941883676E-2</v>
      </c>
      <c r="AG183" s="266">
        <v>0.23152807264824393</v>
      </c>
      <c r="AH183" s="98">
        <v>4.9160767408395034E-2</v>
      </c>
      <c r="AI183" s="266">
        <v>0.3708915847682675</v>
      </c>
      <c r="AJ183" s="98">
        <v>5.6038919856185344E-2</v>
      </c>
    </row>
    <row r="184" spans="1:36">
      <c r="A184" s="49" t="s">
        <v>449</v>
      </c>
      <c r="B184" s="263">
        <v>303</v>
      </c>
      <c r="C184" s="267">
        <v>0.2937415867799541</v>
      </c>
      <c r="D184" s="101">
        <v>5.1085916615919345E-2</v>
      </c>
      <c r="E184" s="267">
        <v>0.12883837548170493</v>
      </c>
      <c r="F184" s="101">
        <v>3.8067251471110321E-2</v>
      </c>
      <c r="G184" s="267">
        <v>0.57742003773834094</v>
      </c>
      <c r="H184" s="101">
        <v>5.5274561844746335E-2</v>
      </c>
      <c r="I184" s="263">
        <v>301</v>
      </c>
      <c r="J184" s="267">
        <v>0.21654964710051317</v>
      </c>
      <c r="K184" s="101">
        <v>4.6510804104235526E-2</v>
      </c>
      <c r="L184" s="267">
        <v>0.10562961676552608</v>
      </c>
      <c r="M184" s="101">
        <v>3.5227242880624982E-2</v>
      </c>
      <c r="N184" s="267">
        <v>0.67782073613396077</v>
      </c>
      <c r="O184" s="101">
        <v>5.2544845756762326E-2</v>
      </c>
      <c r="P184" s="263">
        <v>301</v>
      </c>
      <c r="Q184" s="267">
        <v>0.35068360766573525</v>
      </c>
      <c r="R184" s="101">
        <v>5.3622293916576129E-2</v>
      </c>
      <c r="S184" s="267">
        <v>7.4268351560323645E-2</v>
      </c>
      <c r="T184" s="101">
        <v>3.0421259607872949E-2</v>
      </c>
      <c r="U184" s="267">
        <v>0.57504804077394112</v>
      </c>
      <c r="V184" s="101">
        <v>5.5495594462989135E-2</v>
      </c>
      <c r="W184" s="263">
        <v>302</v>
      </c>
      <c r="X184" s="267">
        <v>0.33268951216614101</v>
      </c>
      <c r="Y184" s="101">
        <v>5.2879685708482345E-2</v>
      </c>
      <c r="Z184" s="267">
        <v>0.14924962497359806</v>
      </c>
      <c r="AA184" s="101">
        <v>4.0424997306179468E-2</v>
      </c>
      <c r="AB184" s="267">
        <v>0.51806086286026087</v>
      </c>
      <c r="AC184" s="101">
        <v>5.5987260371014584E-2</v>
      </c>
      <c r="AD184" s="263">
        <v>300</v>
      </c>
      <c r="AE184" s="267">
        <v>0.33873333681507894</v>
      </c>
      <c r="AF184" s="101">
        <v>5.3283737133023465E-2</v>
      </c>
      <c r="AG184" s="267">
        <v>0.17824145810308814</v>
      </c>
      <c r="AH184" s="101">
        <v>4.341817859124586E-2</v>
      </c>
      <c r="AI184" s="267">
        <v>0.48302520508183283</v>
      </c>
      <c r="AJ184" s="101">
        <v>5.6175301438254707E-2</v>
      </c>
    </row>
    <row r="185" spans="1:36">
      <c r="A185" s="57" t="s">
        <v>450</v>
      </c>
      <c r="B185" s="260">
        <v>175</v>
      </c>
      <c r="C185" s="266">
        <v>0.38046894641932505</v>
      </c>
      <c r="D185" s="98">
        <v>7.1219941864250597E-2</v>
      </c>
      <c r="E185" s="266">
        <v>0.19646618547307163</v>
      </c>
      <c r="F185" s="98">
        <v>5.8952893279065062E-2</v>
      </c>
      <c r="G185" s="266">
        <v>0.4230648681076033</v>
      </c>
      <c r="H185" s="98">
        <v>7.2415097823930741E-2</v>
      </c>
      <c r="I185" s="260">
        <v>176</v>
      </c>
      <c r="J185" s="266">
        <v>0.41785643258871469</v>
      </c>
      <c r="K185" s="98">
        <v>7.2096301931115422E-2</v>
      </c>
      <c r="L185" s="266">
        <v>0.12970221713326407</v>
      </c>
      <c r="M185" s="98">
        <v>5.0375787736739078E-2</v>
      </c>
      <c r="N185" s="266">
        <v>0.45244135027802124</v>
      </c>
      <c r="O185" s="98">
        <v>7.2728294225710907E-2</v>
      </c>
      <c r="P185" s="260">
        <v>173</v>
      </c>
      <c r="Q185" s="266">
        <v>0.65292787436237243</v>
      </c>
      <c r="R185" s="98">
        <v>7.0292832991619328E-2</v>
      </c>
      <c r="S185" s="266">
        <v>1.9212930638570637E-2</v>
      </c>
      <c r="T185" s="98">
        <v>2.5163065379797896E-2</v>
      </c>
      <c r="U185" s="266">
        <v>0.32785919499905686</v>
      </c>
      <c r="V185" s="98">
        <v>6.9365605908215042E-2</v>
      </c>
      <c r="W185" s="260">
        <v>173</v>
      </c>
      <c r="X185" s="266">
        <v>0.59426590838455817</v>
      </c>
      <c r="Y185" s="98">
        <v>7.2399892846665106E-2</v>
      </c>
      <c r="Z185" s="266">
        <v>6.401167804341576E-2</v>
      </c>
      <c r="AA185" s="98">
        <v>3.8532274302155153E-2</v>
      </c>
      <c r="AB185" s="266">
        <v>0.34172241357202604</v>
      </c>
      <c r="AC185" s="98">
        <v>7.0046863278540997E-2</v>
      </c>
      <c r="AD185" s="260">
        <v>173</v>
      </c>
      <c r="AE185" s="266">
        <v>0.63799523753603771</v>
      </c>
      <c r="AF185" s="98">
        <v>7.0930644535926915E-2</v>
      </c>
      <c r="AG185" s="266">
        <v>0.11135987733640329</v>
      </c>
      <c r="AH185" s="98">
        <v>4.7898758902130953E-2</v>
      </c>
      <c r="AI185" s="266">
        <v>0.25064488512755895</v>
      </c>
      <c r="AJ185" s="98">
        <v>6.4317853514394063E-2</v>
      </c>
    </row>
    <row r="186" spans="1:36" ht="18.75" customHeight="1"/>
    <row r="193" spans="1:4" ht="18.75">
      <c r="A193" s="329" t="s">
        <v>69</v>
      </c>
      <c r="B193" s="329"/>
      <c r="C193" s="329"/>
      <c r="D193" s="329"/>
    </row>
    <row r="194" spans="1:4" ht="147" customHeight="1">
      <c r="A194" s="362" t="s">
        <v>417</v>
      </c>
      <c r="B194" s="362"/>
      <c r="C194" s="362"/>
      <c r="D194" s="362"/>
    </row>
    <row r="195" spans="1:4" ht="36" customHeight="1">
      <c r="A195" s="328" t="s">
        <v>272</v>
      </c>
      <c r="B195" s="328"/>
      <c r="C195" s="328"/>
      <c r="D195" s="328"/>
    </row>
    <row r="196" spans="1:4" ht="40.5" customHeight="1">
      <c r="A196" s="37" t="s">
        <v>114</v>
      </c>
      <c r="B196" s="38" t="s">
        <v>115</v>
      </c>
      <c r="C196" s="39" t="s">
        <v>116</v>
      </c>
      <c r="D196" s="40" t="s">
        <v>117</v>
      </c>
    </row>
    <row r="197" spans="1:4" ht="72">
      <c r="A197" s="41"/>
      <c r="B197" s="42" t="s">
        <v>118</v>
      </c>
      <c r="C197" s="134" t="s">
        <v>273</v>
      </c>
      <c r="D197" s="44" t="s">
        <v>120</v>
      </c>
    </row>
    <row r="198" spans="1:4">
      <c r="A198" s="45" t="s">
        <v>444</v>
      </c>
      <c r="B198" s="268">
        <v>11591</v>
      </c>
      <c r="C198" s="269">
        <v>3.6825686450561119</v>
      </c>
      <c r="D198" s="270">
        <v>4.7549701279814283E-2</v>
      </c>
    </row>
    <row r="199" spans="1:4">
      <c r="A199" s="49" t="s">
        <v>445</v>
      </c>
      <c r="B199" s="271">
        <v>917</v>
      </c>
      <c r="C199" s="272">
        <v>3.2006368858588217</v>
      </c>
      <c r="D199" s="273">
        <v>0.17549531718852451</v>
      </c>
    </row>
    <row r="200" spans="1:4">
      <c r="A200" s="53" t="s">
        <v>446</v>
      </c>
      <c r="B200" s="83">
        <v>123</v>
      </c>
      <c r="C200" s="84">
        <v>2.5033570201215571</v>
      </c>
      <c r="D200" s="85">
        <v>0.32492430709890252</v>
      </c>
    </row>
    <row r="201" spans="1:4">
      <c r="A201" s="49" t="s">
        <v>447</v>
      </c>
      <c r="B201" s="271">
        <v>60</v>
      </c>
      <c r="C201" s="272">
        <v>2.5525436115704481</v>
      </c>
      <c r="D201" s="273">
        <v>0.56360906457549476</v>
      </c>
    </row>
    <row r="202" spans="1:4">
      <c r="A202" s="57" t="s">
        <v>448</v>
      </c>
      <c r="B202" s="268">
        <v>267</v>
      </c>
      <c r="C202" s="269">
        <v>3.5663328402191143</v>
      </c>
      <c r="D202" s="270">
        <v>0.30060669689316422</v>
      </c>
    </row>
    <row r="203" spans="1:4">
      <c r="A203" s="49" t="s">
        <v>449</v>
      </c>
      <c r="B203" s="271">
        <v>278</v>
      </c>
      <c r="C203" s="272">
        <v>3.6859129929576171</v>
      </c>
      <c r="D203" s="273">
        <v>0.31319524604204174</v>
      </c>
    </row>
    <row r="204" spans="1:4">
      <c r="A204" s="57" t="s">
        <v>450</v>
      </c>
      <c r="B204" s="268">
        <v>160</v>
      </c>
      <c r="C204" s="269">
        <v>3.3652275782764862</v>
      </c>
      <c r="D204" s="270">
        <v>0.37590240993725965</v>
      </c>
    </row>
    <row r="212" spans="1:29" ht="18.75">
      <c r="A212" s="329" t="s">
        <v>70</v>
      </c>
      <c r="B212" s="329"/>
      <c r="C212" s="329"/>
      <c r="D212" s="329"/>
      <c r="E212" s="329"/>
      <c r="F212" s="329"/>
      <c r="G212" s="329"/>
      <c r="H212" s="329"/>
      <c r="I212" s="329"/>
      <c r="J212" s="329"/>
      <c r="K212" s="329"/>
      <c r="L212" s="329"/>
      <c r="M212" s="329"/>
      <c r="N212" s="329"/>
      <c r="O212" s="329"/>
      <c r="P212" s="329"/>
      <c r="Q212" s="329"/>
      <c r="R212" s="329"/>
      <c r="S212" s="329"/>
      <c r="T212" s="329"/>
      <c r="U212" s="329"/>
      <c r="V212" s="329"/>
      <c r="W212" s="329"/>
      <c r="X212" s="329"/>
      <c r="Y212" s="329"/>
      <c r="Z212" s="329"/>
      <c r="AA212" s="329"/>
      <c r="AB212" s="329"/>
      <c r="AC212" s="329"/>
    </row>
    <row r="213" spans="1:29" ht="54" customHeight="1">
      <c r="A213" s="362" t="s">
        <v>274</v>
      </c>
      <c r="B213" s="362"/>
      <c r="C213" s="362"/>
      <c r="D213" s="362"/>
      <c r="E213" s="362"/>
      <c r="F213" s="362"/>
      <c r="G213" s="362"/>
      <c r="H213" s="362"/>
      <c r="I213" s="362"/>
      <c r="J213" s="362"/>
      <c r="K213" s="362"/>
      <c r="L213" s="362"/>
      <c r="M213" s="362"/>
      <c r="N213" s="362"/>
      <c r="O213" s="362"/>
      <c r="P213" s="362"/>
      <c r="Q213" s="362"/>
      <c r="R213" s="362"/>
      <c r="S213" s="362"/>
      <c r="T213" s="362"/>
      <c r="U213" s="362"/>
      <c r="V213" s="362"/>
      <c r="W213" s="362"/>
      <c r="X213" s="362"/>
      <c r="Y213" s="362"/>
      <c r="Z213" s="362"/>
      <c r="AA213" s="362"/>
      <c r="AB213" s="362"/>
      <c r="AC213" s="362"/>
    </row>
    <row r="214" spans="1:29" ht="32.25" customHeight="1">
      <c r="A214" s="64"/>
      <c r="B214" s="354" t="s">
        <v>275</v>
      </c>
      <c r="C214" s="354"/>
      <c r="D214" s="354"/>
      <c r="E214" s="354"/>
      <c r="F214" s="354"/>
      <c r="G214" s="354"/>
      <c r="H214" s="354"/>
      <c r="I214" s="354" t="s">
        <v>276</v>
      </c>
      <c r="J214" s="354"/>
      <c r="K214" s="354"/>
      <c r="L214" s="354"/>
      <c r="M214" s="354"/>
      <c r="N214" s="354"/>
      <c r="O214" s="354"/>
      <c r="P214" s="354" t="s">
        <v>277</v>
      </c>
      <c r="Q214" s="354"/>
      <c r="R214" s="354"/>
      <c r="S214" s="354"/>
      <c r="T214" s="354"/>
      <c r="U214" s="354"/>
      <c r="V214" s="354"/>
      <c r="W214" s="354" t="s">
        <v>278</v>
      </c>
      <c r="X214" s="354"/>
      <c r="Y214" s="354"/>
      <c r="Z214" s="354"/>
      <c r="AA214" s="354"/>
      <c r="AB214" s="354"/>
      <c r="AC214" s="354"/>
    </row>
    <row r="215" spans="1:29" ht="43.5" customHeight="1">
      <c r="A215" s="37" t="s">
        <v>114</v>
      </c>
      <c r="B215" s="38" t="s">
        <v>115</v>
      </c>
      <c r="C215" s="38" t="s">
        <v>300</v>
      </c>
      <c r="D215" s="93" t="s">
        <v>145</v>
      </c>
      <c r="E215" s="38" t="s">
        <v>301</v>
      </c>
      <c r="F215" s="93" t="s">
        <v>146</v>
      </c>
      <c r="G215" s="38" t="s">
        <v>302</v>
      </c>
      <c r="H215" s="93" t="s">
        <v>147</v>
      </c>
      <c r="I215" s="65" t="s">
        <v>115</v>
      </c>
      <c r="J215" s="65" t="s">
        <v>300</v>
      </c>
      <c r="K215" s="92" t="s">
        <v>145</v>
      </c>
      <c r="L215" s="65" t="s">
        <v>301</v>
      </c>
      <c r="M215" s="92" t="s">
        <v>146</v>
      </c>
      <c r="N215" s="65" t="s">
        <v>302</v>
      </c>
      <c r="O215" s="92" t="s">
        <v>147</v>
      </c>
      <c r="P215" s="38" t="s">
        <v>115</v>
      </c>
      <c r="Q215" s="38" t="s">
        <v>300</v>
      </c>
      <c r="R215" s="93" t="s">
        <v>145</v>
      </c>
      <c r="S215" s="38" t="s">
        <v>301</v>
      </c>
      <c r="T215" s="93" t="s">
        <v>146</v>
      </c>
      <c r="U215" s="38" t="s">
        <v>302</v>
      </c>
      <c r="V215" s="93" t="s">
        <v>147</v>
      </c>
      <c r="W215" s="65" t="s">
        <v>115</v>
      </c>
      <c r="X215" s="65" t="s">
        <v>300</v>
      </c>
      <c r="Y215" s="92" t="s">
        <v>145</v>
      </c>
      <c r="Z215" s="65" t="s">
        <v>301</v>
      </c>
      <c r="AA215" s="92" t="s">
        <v>146</v>
      </c>
      <c r="AB215" s="65" t="s">
        <v>302</v>
      </c>
      <c r="AC215" s="92" t="s">
        <v>147</v>
      </c>
    </row>
    <row r="216" spans="1:29" ht="72">
      <c r="A216" s="41"/>
      <c r="B216" s="42" t="s">
        <v>118</v>
      </c>
      <c r="C216" s="42" t="s">
        <v>303</v>
      </c>
      <c r="D216" s="95" t="s">
        <v>148</v>
      </c>
      <c r="E216" s="42" t="s">
        <v>304</v>
      </c>
      <c r="F216" s="95" t="s">
        <v>148</v>
      </c>
      <c r="G216" s="42" t="s">
        <v>305</v>
      </c>
      <c r="H216" s="95" t="s">
        <v>148</v>
      </c>
      <c r="I216" s="68" t="s">
        <v>118</v>
      </c>
      <c r="J216" s="68" t="s">
        <v>303</v>
      </c>
      <c r="K216" s="94" t="s">
        <v>148</v>
      </c>
      <c r="L216" s="68" t="s">
        <v>304</v>
      </c>
      <c r="M216" s="94" t="s">
        <v>148</v>
      </c>
      <c r="N216" s="68" t="s">
        <v>305</v>
      </c>
      <c r="O216" s="94" t="s">
        <v>148</v>
      </c>
      <c r="P216" s="42" t="s">
        <v>118</v>
      </c>
      <c r="Q216" s="42" t="s">
        <v>303</v>
      </c>
      <c r="R216" s="95" t="s">
        <v>148</v>
      </c>
      <c r="S216" s="42" t="s">
        <v>304</v>
      </c>
      <c r="T216" s="95" t="s">
        <v>148</v>
      </c>
      <c r="U216" s="42" t="s">
        <v>305</v>
      </c>
      <c r="V216" s="95" t="s">
        <v>148</v>
      </c>
      <c r="W216" s="68" t="s">
        <v>118</v>
      </c>
      <c r="X216" s="68" t="s">
        <v>303</v>
      </c>
      <c r="Y216" s="94" t="s">
        <v>148</v>
      </c>
      <c r="Z216" s="68" t="s">
        <v>304</v>
      </c>
      <c r="AA216" s="94" t="s">
        <v>148</v>
      </c>
      <c r="AB216" s="68" t="s">
        <v>305</v>
      </c>
      <c r="AC216" s="94" t="s">
        <v>148</v>
      </c>
    </row>
    <row r="217" spans="1:29">
      <c r="A217" s="45" t="s">
        <v>444</v>
      </c>
      <c r="B217" s="268">
        <v>13039</v>
      </c>
      <c r="C217" s="274">
        <v>9.5355043153413505E-2</v>
      </c>
      <c r="D217" s="98">
        <v>5.0434865223043966E-3</v>
      </c>
      <c r="E217" s="274">
        <v>9.7828859398018386E-2</v>
      </c>
      <c r="F217" s="98">
        <v>5.10139779681309E-3</v>
      </c>
      <c r="G217" s="274">
        <v>0.80681609744856808</v>
      </c>
      <c r="H217" s="98">
        <v>6.776734683337538E-3</v>
      </c>
      <c r="I217" s="268">
        <v>12559</v>
      </c>
      <c r="J217" s="274">
        <v>0.4643810827780685</v>
      </c>
      <c r="K217" s="98">
        <v>8.4188722354669072E-3</v>
      </c>
      <c r="L217" s="274">
        <v>0.17061748783573849</v>
      </c>
      <c r="M217" s="98">
        <v>6.5796769906544756E-3</v>
      </c>
      <c r="N217" s="274">
        <v>0.36500142938619301</v>
      </c>
      <c r="O217" s="98">
        <v>8.7211812053654744E-3</v>
      </c>
      <c r="P217" s="268">
        <v>11702</v>
      </c>
      <c r="Q217" s="274">
        <v>0.27836819778027044</v>
      </c>
      <c r="R217" s="98">
        <v>9.0530093490752556E-3</v>
      </c>
      <c r="S217" s="274">
        <v>0.2053987790172534</v>
      </c>
      <c r="T217" s="98">
        <v>7.3198847151487315E-3</v>
      </c>
      <c r="U217" s="274">
        <v>0.51623302320247622</v>
      </c>
      <c r="V217" s="98">
        <v>8.1199944306241459E-3</v>
      </c>
      <c r="W217" s="268">
        <v>11145</v>
      </c>
      <c r="X217" s="274">
        <v>0.28373117751478627</v>
      </c>
      <c r="Y217" s="98">
        <v>9.2444168925208108E-3</v>
      </c>
      <c r="Z217" s="274">
        <v>0.17173072612297313</v>
      </c>
      <c r="AA217" s="98">
        <v>7.0027058536529562E-3</v>
      </c>
      <c r="AB217" s="274">
        <v>0.5445380963622406</v>
      </c>
      <c r="AC217" s="98">
        <v>8.3688448886318871E-3</v>
      </c>
    </row>
    <row r="218" spans="1:29">
      <c r="A218" s="49" t="s">
        <v>445</v>
      </c>
      <c r="B218" s="271">
        <v>1021</v>
      </c>
      <c r="C218" s="275">
        <v>0.13471407814752126</v>
      </c>
      <c r="D218" s="101">
        <v>2.0994625665771378E-2</v>
      </c>
      <c r="E218" s="275">
        <v>0.15145765452062798</v>
      </c>
      <c r="F218" s="101">
        <v>2.2027719848861774E-2</v>
      </c>
      <c r="G218" s="275">
        <v>0.71382826733185079</v>
      </c>
      <c r="H218" s="101">
        <v>2.7693806130222196E-2</v>
      </c>
      <c r="I218" s="271">
        <v>980</v>
      </c>
      <c r="J218" s="275">
        <v>0.3490226607020559</v>
      </c>
      <c r="K218" s="101">
        <v>3.1223695971874302E-2</v>
      </c>
      <c r="L218" s="275">
        <v>0.1341456512357686</v>
      </c>
      <c r="M218" s="101">
        <v>2.1393907389688167E-2</v>
      </c>
      <c r="N218" s="275">
        <v>0.5168316880621755</v>
      </c>
      <c r="O218" s="101">
        <v>2.9795107201207819E-2</v>
      </c>
      <c r="P218" s="271">
        <v>909</v>
      </c>
      <c r="Q218" s="275">
        <v>0.21564024366493709</v>
      </c>
      <c r="R218" s="101">
        <v>3.2092559461989467E-2</v>
      </c>
      <c r="S218" s="275">
        <v>0.21175862749271718</v>
      </c>
      <c r="T218" s="101">
        <v>2.6559127600812939E-2</v>
      </c>
      <c r="U218" s="275">
        <v>0.57260112884234571</v>
      </c>
      <c r="V218" s="101">
        <v>2.6733079293754802E-2</v>
      </c>
      <c r="W218" s="271">
        <v>887</v>
      </c>
      <c r="X218" s="275">
        <v>0.20856524055441347</v>
      </c>
      <c r="Y218" s="101">
        <v>3.049244640169526E-2</v>
      </c>
      <c r="Z218" s="275">
        <v>0.10526229180950555</v>
      </c>
      <c r="AA218" s="101">
        <v>2.03000112239708E-2</v>
      </c>
      <c r="AB218" s="275">
        <v>0.68617246763608086</v>
      </c>
      <c r="AC218" s="101">
        <v>2.6738953374443666E-2</v>
      </c>
    </row>
    <row r="219" spans="1:29">
      <c r="A219" s="53" t="s">
        <v>446</v>
      </c>
      <c r="B219" s="54">
        <v>129</v>
      </c>
      <c r="C219" s="187">
        <v>0.17833861280920144</v>
      </c>
      <c r="D219" s="98">
        <v>6.6404637251436333E-2</v>
      </c>
      <c r="E219" s="187">
        <v>0.24824467008441442</v>
      </c>
      <c r="F219" s="98">
        <v>7.4153970747256145E-2</v>
      </c>
      <c r="G219" s="187">
        <v>0.57341671710638409</v>
      </c>
      <c r="H219" s="98">
        <v>8.4110582517666233E-2</v>
      </c>
      <c r="I219" s="54">
        <v>124</v>
      </c>
      <c r="J219" s="187">
        <v>0.13062719568303019</v>
      </c>
      <c r="K219" s="98">
        <v>7.9595814468007342E-2</v>
      </c>
      <c r="L219" s="187">
        <v>0.16576704165510314</v>
      </c>
      <c r="M219" s="98">
        <v>6.6004931490852348E-2</v>
      </c>
      <c r="N219" s="187">
        <v>0.7036057626618667</v>
      </c>
      <c r="O219" s="98">
        <v>6.0500060018049147E-2</v>
      </c>
      <c r="P219" s="54">
        <v>120</v>
      </c>
      <c r="Q219" s="187">
        <v>8.7213381163695508E-2</v>
      </c>
      <c r="R219" s="98">
        <v>7.4662835939200339E-2</v>
      </c>
      <c r="S219" s="187">
        <v>0.13926772429385137</v>
      </c>
      <c r="T219" s="98">
        <v>6.3004895724616553E-2</v>
      </c>
      <c r="U219" s="187">
        <v>0.77351889454245315</v>
      </c>
      <c r="V219" s="98">
        <v>5.2927897634720479E-2</v>
      </c>
      <c r="W219" s="54">
        <v>117</v>
      </c>
      <c r="X219" s="187">
        <v>9.3211873922441693E-2</v>
      </c>
      <c r="Y219" s="98">
        <v>7.3185880356797461E-2</v>
      </c>
      <c r="Z219" s="187">
        <v>0.11191747085536181</v>
      </c>
      <c r="AA219" s="98">
        <v>5.8876870261081155E-2</v>
      </c>
      <c r="AB219" s="187">
        <v>0.79487065522219646</v>
      </c>
      <c r="AC219" s="98">
        <v>5.5001118038130931E-2</v>
      </c>
    </row>
    <row r="220" spans="1:29">
      <c r="A220" s="49" t="s">
        <v>447</v>
      </c>
      <c r="B220" s="271">
        <v>65</v>
      </c>
      <c r="C220" s="275">
        <v>0.26959053098255326</v>
      </c>
      <c r="D220" s="101">
        <v>0.10628206426143459</v>
      </c>
      <c r="E220" s="275">
        <v>0.17016199196519566</v>
      </c>
      <c r="F220" s="101">
        <v>9.2431926062487318E-2</v>
      </c>
      <c r="G220" s="275">
        <v>0.56024747705225109</v>
      </c>
      <c r="H220" s="101">
        <v>0.11721562959790072</v>
      </c>
      <c r="I220" s="271">
        <v>60</v>
      </c>
      <c r="J220" s="275">
        <v>0.24837180734002381</v>
      </c>
      <c r="K220" s="101">
        <v>0.11569405376396021</v>
      </c>
      <c r="L220" s="275">
        <v>7.6332052263275399E-2</v>
      </c>
      <c r="M220" s="101">
        <v>7.4409503264833754E-2</v>
      </c>
      <c r="N220" s="275">
        <v>0.67529614039670083</v>
      </c>
      <c r="O220" s="101">
        <v>0.10800874809383755</v>
      </c>
      <c r="P220" s="271">
        <v>59</v>
      </c>
      <c r="Q220" s="275">
        <v>0.15357072639586783</v>
      </c>
      <c r="R220" s="101">
        <v>0.10455683682297787</v>
      </c>
      <c r="S220" s="275">
        <v>6.2468830843582783E-2</v>
      </c>
      <c r="T220" s="101">
        <v>7.0756667915707866E-2</v>
      </c>
      <c r="U220" s="275">
        <v>0.78396044276054944</v>
      </c>
      <c r="V220" s="101">
        <v>9.3947273443814136E-2</v>
      </c>
      <c r="W220" s="271">
        <v>54</v>
      </c>
      <c r="X220" s="275">
        <v>8.1589631353900155E-2</v>
      </c>
      <c r="Y220" s="101">
        <v>0.10464526572062802</v>
      </c>
      <c r="Z220" s="275">
        <v>0.10587747157732057</v>
      </c>
      <c r="AA220" s="101">
        <v>8.7409383170582652E-2</v>
      </c>
      <c r="AB220" s="275">
        <v>0.81253289706877929</v>
      </c>
      <c r="AC220" s="101">
        <v>8.066820631124165E-2</v>
      </c>
    </row>
    <row r="221" spans="1:29">
      <c r="A221" s="57" t="s">
        <v>448</v>
      </c>
      <c r="B221" s="268">
        <v>290</v>
      </c>
      <c r="C221" s="274">
        <v>4.9330789861845893E-2</v>
      </c>
      <c r="D221" s="98">
        <v>2.6163217621855056E-2</v>
      </c>
      <c r="E221" s="274">
        <v>0.13440533237069649</v>
      </c>
      <c r="F221" s="98">
        <v>3.9590189677084518E-2</v>
      </c>
      <c r="G221" s="274">
        <v>0.81626387776745757</v>
      </c>
      <c r="H221" s="98">
        <v>4.4665683686342793E-2</v>
      </c>
      <c r="I221" s="268">
        <v>279</v>
      </c>
      <c r="J221" s="274">
        <v>0.50079863376375777</v>
      </c>
      <c r="K221" s="98">
        <v>5.6302309706102803E-2</v>
      </c>
      <c r="L221" s="274">
        <v>0.12941071770763457</v>
      </c>
      <c r="M221" s="98">
        <v>3.9770422100997155E-2</v>
      </c>
      <c r="N221" s="274">
        <v>0.36979064852860766</v>
      </c>
      <c r="O221" s="98">
        <v>5.8254881005149611E-2</v>
      </c>
      <c r="P221" s="268">
        <v>264</v>
      </c>
      <c r="Q221" s="274">
        <v>0.26628175898389</v>
      </c>
      <c r="R221" s="98">
        <v>5.9850453348675135E-2</v>
      </c>
      <c r="S221" s="274">
        <v>0.22331527654911648</v>
      </c>
      <c r="T221" s="98">
        <v>5.0187031368677665E-2</v>
      </c>
      <c r="U221" s="274">
        <v>0.51040296446699351</v>
      </c>
      <c r="V221" s="98">
        <v>5.3139245284547776E-2</v>
      </c>
      <c r="W221" s="268">
        <v>254</v>
      </c>
      <c r="X221" s="274">
        <v>0.22094704373502497</v>
      </c>
      <c r="Y221" s="98">
        <v>5.6864448798183684E-2</v>
      </c>
      <c r="Z221" s="274">
        <v>9.4994197608448988E-2</v>
      </c>
      <c r="AA221" s="98">
        <v>3.6813544162009326E-2</v>
      </c>
      <c r="AB221" s="274">
        <v>0.68405875865652599</v>
      </c>
      <c r="AC221" s="98">
        <v>5.0977136981662299E-2</v>
      </c>
    </row>
    <row r="222" spans="1:29">
      <c r="A222" s="49" t="s">
        <v>449</v>
      </c>
      <c r="B222" s="271">
        <v>306</v>
      </c>
      <c r="C222" s="275">
        <v>0.11010983924909826</v>
      </c>
      <c r="D222" s="101">
        <v>3.5532579326343898E-2</v>
      </c>
      <c r="E222" s="275">
        <v>0.12070338713690495</v>
      </c>
      <c r="F222" s="101">
        <v>3.6891088700287039E-2</v>
      </c>
      <c r="G222" s="275">
        <v>0.76918677361399679</v>
      </c>
      <c r="H222" s="101">
        <v>4.7150041104397751E-2</v>
      </c>
      <c r="I222" s="271">
        <v>293</v>
      </c>
      <c r="J222" s="275">
        <v>0.42566539176799828</v>
      </c>
      <c r="K222" s="101">
        <v>5.6285087325528942E-2</v>
      </c>
      <c r="L222" s="275">
        <v>0.14655470116560512</v>
      </c>
      <c r="M222" s="101">
        <v>4.0756041101635707E-2</v>
      </c>
      <c r="N222" s="275">
        <v>0.42777990706639663</v>
      </c>
      <c r="O222" s="101">
        <v>5.6250421699974802E-2</v>
      </c>
      <c r="P222" s="271">
        <v>265</v>
      </c>
      <c r="Q222" s="275">
        <v>0.27650963612589796</v>
      </c>
      <c r="R222" s="101">
        <v>5.8437394087726934E-2</v>
      </c>
      <c r="S222" s="275">
        <v>0.32935619631659335</v>
      </c>
      <c r="T222" s="101">
        <v>5.6273276548331599E-2</v>
      </c>
      <c r="U222" s="275">
        <v>0.3941341675575088</v>
      </c>
      <c r="V222" s="101">
        <v>5.3647064477486239E-2</v>
      </c>
      <c r="W222" s="271">
        <v>261</v>
      </c>
      <c r="X222" s="275">
        <v>0.33692399536912965</v>
      </c>
      <c r="Y222" s="101">
        <v>5.9600972196259691E-2</v>
      </c>
      <c r="Z222" s="275">
        <v>9.1583365004836409E-2</v>
      </c>
      <c r="AA222" s="101">
        <v>3.5756194187403424E-2</v>
      </c>
      <c r="AB222" s="275">
        <v>0.57149263962603392</v>
      </c>
      <c r="AC222" s="101">
        <v>5.7010366544539039E-2</v>
      </c>
    </row>
    <row r="223" spans="1:29">
      <c r="A223" s="57" t="s">
        <v>450</v>
      </c>
      <c r="B223" s="268">
        <v>173</v>
      </c>
      <c r="C223" s="274">
        <v>8.3231437442440728E-2</v>
      </c>
      <c r="D223" s="98">
        <v>4.271490424851504E-2</v>
      </c>
      <c r="E223" s="274">
        <v>3.6194918693429189E-2</v>
      </c>
      <c r="F223" s="98">
        <v>3.1076939346169431E-2</v>
      </c>
      <c r="G223" s="274">
        <v>0.88057364386413006</v>
      </c>
      <c r="H223" s="98">
        <v>4.9223397117053459E-2</v>
      </c>
      <c r="I223" s="268">
        <v>168</v>
      </c>
      <c r="J223" s="274">
        <v>0.36488250660564175</v>
      </c>
      <c r="K223" s="98">
        <v>7.4723932043350816E-2</v>
      </c>
      <c r="L223" s="274">
        <v>0.13351220198186231</v>
      </c>
      <c r="M223" s="98">
        <v>5.2170445278969572E-2</v>
      </c>
      <c r="N223" s="274">
        <v>0.50160529141249599</v>
      </c>
      <c r="O223" s="98">
        <v>7.2074294860161287E-2</v>
      </c>
      <c r="P223" s="268">
        <v>155</v>
      </c>
      <c r="Q223" s="274">
        <v>0.29413759217220325</v>
      </c>
      <c r="R223" s="98">
        <v>7.7718796468863066E-2</v>
      </c>
      <c r="S223" s="274">
        <v>0.2045384359328728</v>
      </c>
      <c r="T223" s="98">
        <v>6.3528288684380541E-2</v>
      </c>
      <c r="U223" s="274">
        <v>0.50132397189492395</v>
      </c>
      <c r="V223" s="98">
        <v>7.1184230098662163E-2</v>
      </c>
      <c r="W223" s="268">
        <v>157</v>
      </c>
      <c r="X223" s="274">
        <v>0.21276616721860148</v>
      </c>
      <c r="Y223" s="98">
        <v>7.3240465635777241E-2</v>
      </c>
      <c r="Z223" s="274">
        <v>0.12447709983803183</v>
      </c>
      <c r="AA223" s="98">
        <v>5.2588368177403574E-2</v>
      </c>
      <c r="AB223" s="274">
        <v>0.66275673294336668</v>
      </c>
      <c r="AC223" s="98">
        <v>6.3978285412162522E-2</v>
      </c>
    </row>
    <row r="231" spans="1:4" ht="18.75">
      <c r="A231" s="329" t="s">
        <v>20</v>
      </c>
      <c r="B231" s="329"/>
      <c r="C231" s="329"/>
      <c r="D231" s="329"/>
    </row>
    <row r="232" spans="1:4" ht="126.75" customHeight="1">
      <c r="A232" s="362" t="s">
        <v>418</v>
      </c>
      <c r="B232" s="362"/>
      <c r="C232" s="362"/>
      <c r="D232" s="362"/>
    </row>
    <row r="233" spans="1:4" ht="38.25" customHeight="1">
      <c r="A233" s="328" t="s">
        <v>279</v>
      </c>
      <c r="B233" s="328"/>
      <c r="C233" s="328"/>
      <c r="D233" s="328"/>
    </row>
    <row r="234" spans="1:4" ht="40.5" customHeight="1">
      <c r="A234" s="37" t="s">
        <v>114</v>
      </c>
      <c r="B234" s="38" t="s">
        <v>115</v>
      </c>
      <c r="C234" s="39" t="s">
        <v>116</v>
      </c>
      <c r="D234" s="40" t="s">
        <v>117</v>
      </c>
    </row>
    <row r="235" spans="1:4" ht="72">
      <c r="A235" s="41"/>
      <c r="B235" s="42" t="s">
        <v>118</v>
      </c>
      <c r="C235" s="134" t="s">
        <v>280</v>
      </c>
      <c r="D235" s="44" t="s">
        <v>120</v>
      </c>
    </row>
    <row r="236" spans="1:4">
      <c r="A236" s="45" t="s">
        <v>444</v>
      </c>
      <c r="B236" s="276">
        <v>12701</v>
      </c>
      <c r="C236" s="277">
        <v>5.9203986620724827</v>
      </c>
      <c r="D236" s="278">
        <v>3.2165946320403371E-2</v>
      </c>
    </row>
    <row r="237" spans="1:4">
      <c r="A237" s="49" t="s">
        <v>445</v>
      </c>
      <c r="B237" s="279">
        <v>994</v>
      </c>
      <c r="C237" s="280">
        <v>5.8991557067700358</v>
      </c>
      <c r="D237" s="281">
        <v>0.1110663588471521</v>
      </c>
    </row>
    <row r="238" spans="1:4">
      <c r="A238" s="53" t="s">
        <v>446</v>
      </c>
      <c r="B238" s="83">
        <v>129</v>
      </c>
      <c r="C238" s="84">
        <v>5.5898265401266736</v>
      </c>
      <c r="D238" s="85">
        <v>0.24795204992925779</v>
      </c>
    </row>
    <row r="239" spans="1:4">
      <c r="A239" s="49" t="s">
        <v>447</v>
      </c>
      <c r="B239" s="279">
        <v>68</v>
      </c>
      <c r="C239" s="280">
        <v>5.5842701961988181</v>
      </c>
      <c r="D239" s="281">
        <v>0.31294791954961276</v>
      </c>
    </row>
    <row r="240" spans="1:4">
      <c r="A240" s="57" t="s">
        <v>448</v>
      </c>
      <c r="B240" s="276">
        <v>286</v>
      </c>
      <c r="C240" s="277">
        <v>6.2225041332579387</v>
      </c>
      <c r="D240" s="278">
        <v>0.16093178514022632</v>
      </c>
    </row>
    <row r="241" spans="1:22">
      <c r="A241" s="49" t="s">
        <v>449</v>
      </c>
      <c r="B241" s="279">
        <v>304</v>
      </c>
      <c r="C241" s="280">
        <v>6.1134788943593108</v>
      </c>
      <c r="D241" s="281">
        <v>0.20363304527052328</v>
      </c>
    </row>
    <row r="242" spans="1:22">
      <c r="A242" s="57" t="s">
        <v>450</v>
      </c>
      <c r="B242" s="276">
        <v>173</v>
      </c>
      <c r="C242" s="277">
        <v>5.7454381853259582</v>
      </c>
      <c r="D242" s="278">
        <v>0.31681167778842845</v>
      </c>
    </row>
    <row r="250" spans="1:22" ht="18.75">
      <c r="A250" s="329" t="s">
        <v>71</v>
      </c>
      <c r="B250" s="329"/>
      <c r="C250" s="329"/>
      <c r="D250" s="329"/>
      <c r="E250" s="329"/>
      <c r="F250" s="329"/>
      <c r="G250" s="329"/>
      <c r="H250" s="329"/>
      <c r="I250" s="329"/>
      <c r="J250" s="329"/>
      <c r="K250" s="329"/>
      <c r="L250" s="329"/>
      <c r="M250" s="329"/>
      <c r="N250" s="329"/>
      <c r="O250" s="329"/>
      <c r="P250" s="329"/>
      <c r="Q250" s="329"/>
      <c r="R250" s="329"/>
      <c r="S250" s="329"/>
      <c r="T250" s="329"/>
      <c r="U250" s="329"/>
      <c r="V250" s="329"/>
    </row>
    <row r="251" spans="1:22" ht="53.25" customHeight="1">
      <c r="A251" s="362" t="s">
        <v>419</v>
      </c>
      <c r="B251" s="362"/>
      <c r="C251" s="362"/>
      <c r="D251" s="362"/>
      <c r="E251" s="362"/>
      <c r="F251" s="362"/>
      <c r="G251" s="362"/>
      <c r="H251" s="362"/>
      <c r="I251" s="362"/>
      <c r="J251" s="362"/>
      <c r="K251" s="362"/>
      <c r="L251" s="362"/>
      <c r="M251" s="362"/>
      <c r="N251" s="362"/>
      <c r="O251" s="362"/>
      <c r="P251" s="362"/>
      <c r="Q251" s="362"/>
      <c r="R251" s="362"/>
      <c r="S251" s="362"/>
      <c r="T251" s="362"/>
      <c r="U251" s="362"/>
      <c r="V251" s="362"/>
    </row>
    <row r="252" spans="1:22" ht="35.25" customHeight="1">
      <c r="A252" s="64"/>
      <c r="B252" s="354" t="s">
        <v>420</v>
      </c>
      <c r="C252" s="354"/>
      <c r="D252" s="354"/>
      <c r="E252" s="354"/>
      <c r="F252" s="354"/>
      <c r="G252" s="354"/>
      <c r="H252" s="354"/>
      <c r="I252" s="354" t="s">
        <v>281</v>
      </c>
      <c r="J252" s="354"/>
      <c r="K252" s="354"/>
      <c r="L252" s="354"/>
      <c r="M252" s="354"/>
      <c r="N252" s="354"/>
      <c r="O252" s="354"/>
      <c r="P252" s="354" t="s">
        <v>282</v>
      </c>
      <c r="Q252" s="354"/>
      <c r="R252" s="354"/>
      <c r="S252" s="354"/>
      <c r="T252" s="354"/>
      <c r="U252" s="354"/>
      <c r="V252" s="354"/>
    </row>
    <row r="253" spans="1:22" ht="37.5" customHeight="1">
      <c r="A253" s="37" t="s">
        <v>114</v>
      </c>
      <c r="B253" s="38" t="s">
        <v>115</v>
      </c>
      <c r="C253" s="38" t="s">
        <v>300</v>
      </c>
      <c r="D253" s="93" t="s">
        <v>145</v>
      </c>
      <c r="E253" s="38" t="s">
        <v>301</v>
      </c>
      <c r="F253" s="93" t="s">
        <v>146</v>
      </c>
      <c r="G253" s="38" t="s">
        <v>302</v>
      </c>
      <c r="H253" s="93" t="s">
        <v>147</v>
      </c>
      <c r="I253" s="65" t="s">
        <v>115</v>
      </c>
      <c r="J253" s="65" t="s">
        <v>300</v>
      </c>
      <c r="K253" s="92" t="s">
        <v>145</v>
      </c>
      <c r="L253" s="65" t="s">
        <v>301</v>
      </c>
      <c r="M253" s="92" t="s">
        <v>146</v>
      </c>
      <c r="N253" s="65" t="s">
        <v>302</v>
      </c>
      <c r="O253" s="92" t="s">
        <v>147</v>
      </c>
      <c r="P253" s="38" t="s">
        <v>115</v>
      </c>
      <c r="Q253" s="38" t="s">
        <v>300</v>
      </c>
      <c r="R253" s="93" t="s">
        <v>145</v>
      </c>
      <c r="S253" s="38" t="s">
        <v>301</v>
      </c>
      <c r="T253" s="93" t="s">
        <v>146</v>
      </c>
      <c r="U253" s="38" t="s">
        <v>302</v>
      </c>
      <c r="V253" s="93" t="s">
        <v>147</v>
      </c>
    </row>
    <row r="254" spans="1:22" ht="72">
      <c r="A254" s="41"/>
      <c r="B254" s="42" t="s">
        <v>118</v>
      </c>
      <c r="C254" s="42" t="s">
        <v>303</v>
      </c>
      <c r="D254" s="95" t="s">
        <v>148</v>
      </c>
      <c r="E254" s="42" t="s">
        <v>304</v>
      </c>
      <c r="F254" s="95" t="s">
        <v>148</v>
      </c>
      <c r="G254" s="42" t="s">
        <v>305</v>
      </c>
      <c r="H254" s="95" t="s">
        <v>148</v>
      </c>
      <c r="I254" s="68" t="s">
        <v>118</v>
      </c>
      <c r="J254" s="68" t="s">
        <v>303</v>
      </c>
      <c r="K254" s="94" t="s">
        <v>148</v>
      </c>
      <c r="L254" s="68" t="s">
        <v>304</v>
      </c>
      <c r="M254" s="94" t="s">
        <v>148</v>
      </c>
      <c r="N254" s="68" t="s">
        <v>305</v>
      </c>
      <c r="O254" s="94" t="s">
        <v>148</v>
      </c>
      <c r="P254" s="42" t="s">
        <v>118</v>
      </c>
      <c r="Q254" s="42" t="s">
        <v>303</v>
      </c>
      <c r="R254" s="95" t="s">
        <v>148</v>
      </c>
      <c r="S254" s="42" t="s">
        <v>304</v>
      </c>
      <c r="T254" s="95" t="s">
        <v>148</v>
      </c>
      <c r="U254" s="42" t="s">
        <v>305</v>
      </c>
      <c r="V254" s="95" t="s">
        <v>148</v>
      </c>
    </row>
    <row r="255" spans="1:22">
      <c r="A255" s="45" t="s">
        <v>444</v>
      </c>
      <c r="B255" s="276">
        <v>13042</v>
      </c>
      <c r="C255" s="282">
        <v>4.2418202049846795E-2</v>
      </c>
      <c r="D255" s="98">
        <v>3.4639105184031808E-3</v>
      </c>
      <c r="E255" s="282">
        <v>4.8131275105299007E-2</v>
      </c>
      <c r="F255" s="98">
        <v>3.6780036046176402E-3</v>
      </c>
      <c r="G255" s="282">
        <v>0.90945052284485417</v>
      </c>
      <c r="H255" s="98">
        <v>4.9274334818729089E-3</v>
      </c>
      <c r="I255" s="276">
        <v>13032</v>
      </c>
      <c r="J255" s="282">
        <v>0.11197319202819493</v>
      </c>
      <c r="K255" s="98">
        <v>5.4157127460220094E-3</v>
      </c>
      <c r="L255" s="282">
        <v>0.12688942141380696</v>
      </c>
      <c r="M255" s="98">
        <v>5.7160837996128302E-3</v>
      </c>
      <c r="N255" s="282">
        <v>0.76113738655799812</v>
      </c>
      <c r="O255" s="98">
        <v>7.3204787242457433E-3</v>
      </c>
      <c r="P255" s="276">
        <v>12881</v>
      </c>
      <c r="Q255" s="282">
        <v>4.6506186937955427E-2</v>
      </c>
      <c r="R255" s="98">
        <v>3.6412663693756136E-3</v>
      </c>
      <c r="S255" s="282">
        <v>5.6426815123594432E-2</v>
      </c>
      <c r="T255" s="98">
        <v>3.9887976536459382E-3</v>
      </c>
      <c r="U255" s="282">
        <v>0.89706699793845013</v>
      </c>
      <c r="V255" s="98">
        <v>5.2496900555352747E-3</v>
      </c>
    </row>
    <row r="256" spans="1:22">
      <c r="A256" s="49" t="s">
        <v>445</v>
      </c>
      <c r="B256" s="279">
        <v>1017</v>
      </c>
      <c r="C256" s="283">
        <v>2.5504997897407743E-2</v>
      </c>
      <c r="D256" s="101">
        <v>1.0007087550283306E-2</v>
      </c>
      <c r="E256" s="283">
        <v>6.2364453523736367E-2</v>
      </c>
      <c r="F256" s="101">
        <v>1.5021753424064647E-2</v>
      </c>
      <c r="G256" s="283">
        <v>0.91213054857885589</v>
      </c>
      <c r="H256" s="101">
        <v>1.7508939083081286E-2</v>
      </c>
      <c r="I256" s="279">
        <v>1013</v>
      </c>
      <c r="J256" s="283">
        <v>9.7479774680906017E-2</v>
      </c>
      <c r="K256" s="101">
        <v>1.8361088788165052E-2</v>
      </c>
      <c r="L256" s="283">
        <v>0.16756210380606534</v>
      </c>
      <c r="M256" s="101">
        <v>2.3025334293566485E-2</v>
      </c>
      <c r="N256" s="283">
        <v>0.73495812151302864</v>
      </c>
      <c r="O256" s="101">
        <v>2.7156059062018355E-2</v>
      </c>
      <c r="P256" s="279">
        <v>991</v>
      </c>
      <c r="Q256" s="283">
        <v>4.6333446927533571E-2</v>
      </c>
      <c r="R256" s="101">
        <v>1.3303254415438054E-2</v>
      </c>
      <c r="S256" s="283">
        <v>2.9109091934439321E-2</v>
      </c>
      <c r="T256" s="101">
        <v>1.0769651394130695E-2</v>
      </c>
      <c r="U256" s="283">
        <v>0.92455746113802706</v>
      </c>
      <c r="V256" s="101">
        <v>1.6579684251078988E-2</v>
      </c>
    </row>
    <row r="257" spans="1:22">
      <c r="A257" s="53" t="s">
        <v>446</v>
      </c>
      <c r="B257" s="54">
        <v>129</v>
      </c>
      <c r="C257" s="187">
        <v>1.4809085547881835E-2</v>
      </c>
      <c r="D257" s="98">
        <v>2.8710008674811799E-2</v>
      </c>
      <c r="E257" s="187">
        <v>8.1782542647796733E-2</v>
      </c>
      <c r="F257" s="98">
        <v>4.9682457421448244E-2</v>
      </c>
      <c r="G257" s="187">
        <v>0.90340837180432143</v>
      </c>
      <c r="H257" s="98">
        <v>5.2905331204267679E-2</v>
      </c>
      <c r="I257" s="54">
        <v>127</v>
      </c>
      <c r="J257" s="187">
        <v>0.12929273259341598</v>
      </c>
      <c r="K257" s="98">
        <v>5.9528687676307528E-2</v>
      </c>
      <c r="L257" s="187">
        <v>0.19450500248538125</v>
      </c>
      <c r="M257" s="98">
        <v>6.8985820273604948E-2</v>
      </c>
      <c r="N257" s="187">
        <v>0.67620226492120272</v>
      </c>
      <c r="O257" s="98">
        <v>8.0471011203002582E-2</v>
      </c>
      <c r="P257" s="284">
        <v>128</v>
      </c>
      <c r="Q257" s="187">
        <v>7.0057156372985568E-2</v>
      </c>
      <c r="R257" s="98">
        <v>4.7086529862944128E-2</v>
      </c>
      <c r="S257" s="187">
        <v>4.8700029575434817E-2</v>
      </c>
      <c r="T257" s="98">
        <v>4.1256419027206122E-2</v>
      </c>
      <c r="U257" s="187">
        <v>0.88124281405157956</v>
      </c>
      <c r="V257" s="98">
        <v>5.7430184861687203E-2</v>
      </c>
    </row>
    <row r="258" spans="1:22">
      <c r="A258" s="49" t="s">
        <v>447</v>
      </c>
      <c r="B258" s="279">
        <v>67</v>
      </c>
      <c r="C258" s="283">
        <v>4.2338837390032372E-2</v>
      </c>
      <c r="D258" s="101">
        <v>5.8607310282605941E-2</v>
      </c>
      <c r="E258" s="283">
        <v>0.11187802438439846</v>
      </c>
      <c r="F258" s="101">
        <v>7.9174849964514113E-2</v>
      </c>
      <c r="G258" s="283">
        <v>0.84578313822556916</v>
      </c>
      <c r="H258" s="101">
        <v>8.8123820036887526E-2</v>
      </c>
      <c r="I258" s="279">
        <v>66</v>
      </c>
      <c r="J258" s="283">
        <v>0.18220592206868186</v>
      </c>
      <c r="K258" s="101">
        <v>9.3770094401804976E-2</v>
      </c>
      <c r="L258" s="283">
        <v>0.27046032685567811</v>
      </c>
      <c r="M258" s="101">
        <v>0.10559108621850777</v>
      </c>
      <c r="N258" s="283">
        <v>0.54733375107563997</v>
      </c>
      <c r="O258" s="101">
        <v>0.11666487500288859</v>
      </c>
      <c r="P258" s="279">
        <v>65</v>
      </c>
      <c r="Q258" s="283">
        <v>5.5310122907886679E-2</v>
      </c>
      <c r="R258" s="101">
        <v>6.4409484702118061E-2</v>
      </c>
      <c r="S258" s="283">
        <v>1.9304763984951866E-2</v>
      </c>
      <c r="T258" s="101">
        <v>5.0023863066034728E-2</v>
      </c>
      <c r="U258" s="283">
        <v>0.92538511310716143</v>
      </c>
      <c r="V258" s="101">
        <v>7.0558180814191684E-2</v>
      </c>
    </row>
    <row r="259" spans="1:22">
      <c r="A259" s="57" t="s">
        <v>448</v>
      </c>
      <c r="B259" s="276">
        <v>285</v>
      </c>
      <c r="C259" s="282">
        <v>1.802119225358394E-2</v>
      </c>
      <c r="D259" s="98">
        <v>1.7891951552410315E-2</v>
      </c>
      <c r="E259" s="282">
        <v>2.764162835096785E-2</v>
      </c>
      <c r="F259" s="98">
        <v>2.0947778356861364E-2</v>
      </c>
      <c r="G259" s="282">
        <v>0.95433717939544815</v>
      </c>
      <c r="H259" s="98">
        <v>2.5587059844675689E-2</v>
      </c>
      <c r="I259" s="276">
        <v>287</v>
      </c>
      <c r="J259" s="282">
        <v>4.9099571166458404E-2</v>
      </c>
      <c r="K259" s="98">
        <v>2.6260918631666155E-2</v>
      </c>
      <c r="L259" s="282">
        <v>0.18692161914821859</v>
      </c>
      <c r="M259" s="98">
        <v>4.5185163627017584E-2</v>
      </c>
      <c r="N259" s="282">
        <v>0.76397880968532306</v>
      </c>
      <c r="O259" s="98">
        <v>4.9046150094114789E-2</v>
      </c>
      <c r="P259" s="276">
        <v>275</v>
      </c>
      <c r="Q259" s="282">
        <v>2.5068940616556897E-2</v>
      </c>
      <c r="R259" s="98">
        <v>2.0614104290536284E-2</v>
      </c>
      <c r="S259" s="282">
        <v>6.8957075310131467E-3</v>
      </c>
      <c r="T259" s="98">
        <v>1.3769724518018634E-2</v>
      </c>
      <c r="U259" s="282">
        <v>0.96803535185242995</v>
      </c>
      <c r="V259" s="98">
        <v>2.2625768855877644E-2</v>
      </c>
    </row>
    <row r="260" spans="1:22">
      <c r="A260" s="49" t="s">
        <v>449</v>
      </c>
      <c r="B260" s="279">
        <v>304</v>
      </c>
      <c r="C260" s="283">
        <v>1.8049883024591044E-2</v>
      </c>
      <c r="D260" s="101">
        <v>1.7199673214326677E-2</v>
      </c>
      <c r="E260" s="283">
        <v>5.7926884469984702E-2</v>
      </c>
      <c r="F260" s="101">
        <v>2.7268204852427015E-2</v>
      </c>
      <c r="G260" s="283">
        <v>0.92402323250542429</v>
      </c>
      <c r="H260" s="101">
        <v>3.055337455709882E-2</v>
      </c>
      <c r="I260" s="279">
        <v>303</v>
      </c>
      <c r="J260" s="283">
        <v>5.5618226212191819E-2</v>
      </c>
      <c r="K260" s="101">
        <v>2.685582514241773E-2</v>
      </c>
      <c r="L260" s="283">
        <v>0.10712326434623087</v>
      </c>
      <c r="M260" s="101">
        <v>3.5311176084890344E-2</v>
      </c>
      <c r="N260" s="283">
        <v>0.83725850944157731</v>
      </c>
      <c r="O260" s="101">
        <v>4.173579197521881E-2</v>
      </c>
      <c r="P260" s="279">
        <v>300</v>
      </c>
      <c r="Q260" s="283">
        <v>3.1265850384902233E-2</v>
      </c>
      <c r="R260" s="101">
        <v>2.1338522191264902E-2</v>
      </c>
      <c r="S260" s="283">
        <v>3.2096934669604012E-2</v>
      </c>
      <c r="T260" s="101">
        <v>2.156182264103057E-2</v>
      </c>
      <c r="U260" s="283">
        <v>0.93663721494549379</v>
      </c>
      <c r="V260" s="101">
        <v>2.8512357286327544E-2</v>
      </c>
    </row>
    <row r="261" spans="1:22">
      <c r="A261" s="57" t="s">
        <v>450</v>
      </c>
      <c r="B261" s="276">
        <v>174</v>
      </c>
      <c r="C261" s="282">
        <v>5.8346316501316213E-2</v>
      </c>
      <c r="D261" s="98">
        <v>3.7051803980807964E-2</v>
      </c>
      <c r="E261" s="282">
        <v>3.1003361568207728E-2</v>
      </c>
      <c r="F261" s="98">
        <v>2.9314289596593282E-2</v>
      </c>
      <c r="G261" s="282">
        <v>0.91065032193047601</v>
      </c>
      <c r="H261" s="98">
        <v>4.3792496820678928E-2</v>
      </c>
      <c r="I261" s="276">
        <v>172</v>
      </c>
      <c r="J261" s="282">
        <v>9.3932883171153406E-2</v>
      </c>
      <c r="K261" s="98">
        <v>4.4938236043755485E-2</v>
      </c>
      <c r="L261" s="282">
        <v>9.9017696548883524E-2</v>
      </c>
      <c r="M261" s="98">
        <v>4.5880195443142917E-2</v>
      </c>
      <c r="N261" s="282">
        <v>0.80704942027996307</v>
      </c>
      <c r="O261" s="98">
        <v>5.908835219696152E-2</v>
      </c>
      <c r="P261" s="276">
        <v>166</v>
      </c>
      <c r="Q261" s="285">
        <v>6.6858383390771714E-2</v>
      </c>
      <c r="R261" s="98">
        <v>4.0087307946420306E-2</v>
      </c>
      <c r="S261" s="282">
        <v>4.1826765646337541E-2</v>
      </c>
      <c r="T261" s="98">
        <v>3.3559824586890226E-2</v>
      </c>
      <c r="U261" s="282">
        <v>0.89131485096289076</v>
      </c>
      <c r="V261" s="98">
        <v>4.8476979060702953E-2</v>
      </c>
    </row>
  </sheetData>
  <mergeCells count="60">
    <mergeCell ref="P176:V176"/>
    <mergeCell ref="W176:AC176"/>
    <mergeCell ref="AD176:AJ176"/>
    <mergeCell ref="A175:AJ175"/>
    <mergeCell ref="A174:AJ174"/>
    <mergeCell ref="A232:D232"/>
    <mergeCell ref="A233:D233"/>
    <mergeCell ref="A250:V250"/>
    <mergeCell ref="A251:V251"/>
    <mergeCell ref="B252:H252"/>
    <mergeCell ref="I252:O252"/>
    <mergeCell ref="P252:V252"/>
    <mergeCell ref="B214:H214"/>
    <mergeCell ref="I214:O214"/>
    <mergeCell ref="P214:V214"/>
    <mergeCell ref="W214:AC214"/>
    <mergeCell ref="A231:D231"/>
    <mergeCell ref="A193:D193"/>
    <mergeCell ref="A194:D194"/>
    <mergeCell ref="A195:D195"/>
    <mergeCell ref="A212:AC212"/>
    <mergeCell ref="A213:AC213"/>
    <mergeCell ref="A157:D157"/>
    <mergeCell ref="B176:H176"/>
    <mergeCell ref="I176:O176"/>
    <mergeCell ref="B138:H138"/>
    <mergeCell ref="I138:O138"/>
    <mergeCell ref="A155:D155"/>
    <mergeCell ref="A156:D156"/>
    <mergeCell ref="A117:D117"/>
    <mergeCell ref="A118:D118"/>
    <mergeCell ref="A119:D119"/>
    <mergeCell ref="A137:O137"/>
    <mergeCell ref="A136:O136"/>
    <mergeCell ref="A81:D81"/>
    <mergeCell ref="A98:V98"/>
    <mergeCell ref="A99:V99"/>
    <mergeCell ref="B100:H100"/>
    <mergeCell ref="I100:O100"/>
    <mergeCell ref="P100:V100"/>
    <mergeCell ref="A61:O61"/>
    <mergeCell ref="B62:H62"/>
    <mergeCell ref="I62:O62"/>
    <mergeCell ref="A79:D79"/>
    <mergeCell ref="A80:D80"/>
    <mergeCell ref="AK24:AQ24"/>
    <mergeCell ref="A41:D41"/>
    <mergeCell ref="A42:D42"/>
    <mergeCell ref="A43:D43"/>
    <mergeCell ref="A60:O60"/>
    <mergeCell ref="B24:H24"/>
    <mergeCell ref="I24:O24"/>
    <mergeCell ref="P24:V24"/>
    <mergeCell ref="W24:AC24"/>
    <mergeCell ref="AD24:AJ24"/>
    <mergeCell ref="A3:D3"/>
    <mergeCell ref="A4:D4"/>
    <mergeCell ref="A5:D5"/>
    <mergeCell ref="A22:AQ22"/>
    <mergeCell ref="A23:AQ23"/>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33"/>
  <sheetViews>
    <sheetView workbookViewId="0">
      <selection activeCell="F15" sqref="F15"/>
    </sheetView>
  </sheetViews>
  <sheetFormatPr defaultColWidth="21.28515625" defaultRowHeight="15"/>
  <cols>
    <col min="1" max="1" width="31.7109375" customWidth="1"/>
  </cols>
  <sheetData>
    <row r="1" spans="1:4" ht="31.5">
      <c r="A1" s="33" t="s">
        <v>72</v>
      </c>
    </row>
    <row r="3" spans="1:4" ht="18.75">
      <c r="A3" s="329" t="s">
        <v>21</v>
      </c>
      <c r="B3" s="329"/>
      <c r="C3" s="329"/>
      <c r="D3" s="329"/>
    </row>
    <row r="4" spans="1:4" ht="166.5" customHeight="1">
      <c r="A4" s="362" t="s">
        <v>421</v>
      </c>
      <c r="B4" s="362"/>
      <c r="C4" s="362"/>
      <c r="D4" s="362"/>
    </row>
    <row r="5" spans="1:4" ht="36.75" customHeight="1">
      <c r="A5" s="328" t="s">
        <v>283</v>
      </c>
      <c r="B5" s="328"/>
      <c r="C5" s="328"/>
      <c r="D5" s="328"/>
    </row>
    <row r="6" spans="1:4" ht="72">
      <c r="A6" s="37" t="s">
        <v>114</v>
      </c>
      <c r="B6" s="38" t="s">
        <v>115</v>
      </c>
      <c r="C6" s="39" t="s">
        <v>116</v>
      </c>
      <c r="D6" s="40" t="s">
        <v>117</v>
      </c>
    </row>
    <row r="7" spans="1:4" ht="60">
      <c r="A7" s="41"/>
      <c r="B7" s="42" t="s">
        <v>118</v>
      </c>
      <c r="C7" s="134" t="s">
        <v>284</v>
      </c>
      <c r="D7" s="44" t="s">
        <v>120</v>
      </c>
    </row>
    <row r="8" spans="1:4">
      <c r="A8" s="45" t="s">
        <v>444</v>
      </c>
      <c r="B8" s="286">
        <v>6788</v>
      </c>
      <c r="C8" s="287">
        <v>3.8</v>
      </c>
      <c r="D8" s="288">
        <v>5.9110551624445229E-2</v>
      </c>
    </row>
    <row r="9" spans="1:4">
      <c r="A9" s="49" t="s">
        <v>445</v>
      </c>
      <c r="B9" s="289">
        <v>541</v>
      </c>
      <c r="C9" s="290">
        <v>3.640636735756817</v>
      </c>
      <c r="D9" s="291">
        <v>0.23956346095207781</v>
      </c>
    </row>
    <row r="10" spans="1:4">
      <c r="A10" s="53" t="s">
        <v>446</v>
      </c>
      <c r="B10" s="83">
        <v>57</v>
      </c>
      <c r="C10" s="84">
        <v>4.7224897368860503</v>
      </c>
      <c r="D10" s="85">
        <v>0.64022042039252014</v>
      </c>
    </row>
    <row r="11" spans="1:4">
      <c r="A11" s="49" t="s">
        <v>447</v>
      </c>
      <c r="B11" s="289">
        <v>34</v>
      </c>
      <c r="C11" s="290">
        <v>4.2680751510079942</v>
      </c>
      <c r="D11" s="291">
        <v>0.48743166040317121</v>
      </c>
    </row>
    <row r="12" spans="1:4">
      <c r="A12" s="57" t="s">
        <v>448</v>
      </c>
      <c r="B12" s="286">
        <v>156</v>
      </c>
      <c r="C12" s="287">
        <v>4.3766375780215894</v>
      </c>
      <c r="D12" s="288">
        <v>0.41511958853225739</v>
      </c>
    </row>
    <row r="13" spans="1:4">
      <c r="A13" s="49" t="s">
        <v>449</v>
      </c>
      <c r="B13" s="289">
        <v>180</v>
      </c>
      <c r="C13" s="290">
        <v>4.2362057891666582</v>
      </c>
      <c r="D13" s="291">
        <v>0.43209521309897836</v>
      </c>
    </row>
    <row r="14" spans="1:4">
      <c r="A14" s="57" t="s">
        <v>450</v>
      </c>
      <c r="B14" s="286">
        <v>97</v>
      </c>
      <c r="C14" s="287">
        <v>4.0430400801352482</v>
      </c>
      <c r="D14" s="288">
        <v>0.49138613269194842</v>
      </c>
    </row>
    <row r="22" spans="1:78" ht="18.75">
      <c r="A22" s="329" t="s">
        <v>73</v>
      </c>
      <c r="B22" s="329"/>
      <c r="C22" s="329"/>
      <c r="D22" s="329"/>
      <c r="E22" s="329"/>
      <c r="F22" s="329"/>
      <c r="G22" s="329"/>
      <c r="H22" s="329"/>
      <c r="I22" s="329"/>
      <c r="J22" s="329"/>
      <c r="K22" s="329"/>
      <c r="L22" s="329"/>
      <c r="M22" s="329"/>
      <c r="N22" s="329"/>
      <c r="O22" s="329"/>
      <c r="P22" s="329"/>
      <c r="Q22" s="329"/>
      <c r="R22" s="329"/>
      <c r="S22" s="329"/>
      <c r="T22" s="329"/>
      <c r="U22" s="329"/>
      <c r="V22" s="329"/>
      <c r="W22" s="329"/>
      <c r="X22" s="329"/>
      <c r="Y22" s="329"/>
      <c r="Z22" s="329"/>
      <c r="AA22" s="329"/>
      <c r="AB22" s="329"/>
      <c r="AC22" s="329"/>
      <c r="AD22" s="329"/>
      <c r="AE22" s="329"/>
      <c r="AF22" s="329"/>
      <c r="AG22" s="329"/>
      <c r="AH22" s="329"/>
      <c r="AI22" s="329"/>
      <c r="AJ22" s="329"/>
      <c r="AK22" s="329"/>
      <c r="AL22" s="329"/>
      <c r="AM22" s="329"/>
      <c r="AN22" s="329"/>
      <c r="AO22" s="329"/>
      <c r="AP22" s="329"/>
      <c r="AQ22" s="329"/>
      <c r="AR22" s="329"/>
      <c r="AS22" s="329"/>
      <c r="AT22" s="329"/>
      <c r="AU22" s="329"/>
      <c r="AV22" s="329"/>
      <c r="AW22" s="329"/>
      <c r="AX22" s="329"/>
      <c r="AY22" s="329"/>
      <c r="AZ22" s="329"/>
      <c r="BA22" s="329"/>
      <c r="BB22" s="329"/>
      <c r="BC22" s="329"/>
      <c r="BD22" s="329"/>
      <c r="BE22" s="329"/>
      <c r="BF22" s="329"/>
      <c r="BG22" s="329"/>
      <c r="BH22" s="329"/>
      <c r="BI22" s="329"/>
      <c r="BJ22" s="329"/>
      <c r="BK22" s="329"/>
      <c r="BL22" s="329"/>
      <c r="BM22" s="329"/>
      <c r="BN22" s="329"/>
      <c r="BO22" s="329"/>
      <c r="BP22" s="329"/>
      <c r="BQ22" s="329"/>
      <c r="BR22" s="329"/>
      <c r="BS22" s="329"/>
      <c r="BT22" s="329"/>
      <c r="BU22" s="329"/>
      <c r="BV22" s="329"/>
      <c r="BW22" s="329"/>
      <c r="BX22" s="329"/>
      <c r="BY22" s="329"/>
      <c r="BZ22" s="329"/>
    </row>
    <row r="23" spans="1:78" ht="54" customHeight="1">
      <c r="A23" s="360" t="s">
        <v>423</v>
      </c>
      <c r="B23" s="360"/>
      <c r="C23" s="360"/>
      <c r="D23" s="360"/>
      <c r="E23" s="360"/>
      <c r="F23" s="360"/>
      <c r="G23" s="360"/>
      <c r="H23" s="360"/>
      <c r="I23" s="360"/>
      <c r="J23" s="360"/>
      <c r="K23" s="360"/>
      <c r="L23" s="360"/>
      <c r="M23" s="360"/>
      <c r="N23" s="360"/>
      <c r="O23" s="360"/>
      <c r="P23" s="360"/>
      <c r="Q23" s="360"/>
      <c r="R23" s="360"/>
      <c r="S23" s="360"/>
      <c r="T23" s="360"/>
      <c r="U23" s="360"/>
      <c r="V23" s="360"/>
      <c r="W23" s="360"/>
      <c r="X23" s="360"/>
      <c r="Y23" s="360"/>
      <c r="Z23" s="360"/>
      <c r="AA23" s="360"/>
      <c r="AB23" s="360"/>
      <c r="AC23" s="360"/>
      <c r="AD23" s="360"/>
      <c r="AE23" s="360"/>
      <c r="AF23" s="360"/>
      <c r="AG23" s="360"/>
      <c r="AH23" s="360"/>
      <c r="AI23" s="360"/>
      <c r="AJ23" s="360"/>
      <c r="AK23" s="360"/>
      <c r="AL23" s="360"/>
      <c r="AM23" s="360"/>
      <c r="AN23" s="360"/>
      <c r="AO23" s="360"/>
      <c r="AP23" s="360"/>
      <c r="AQ23" s="360"/>
      <c r="AR23" s="360"/>
      <c r="AS23" s="360"/>
      <c r="AT23" s="360"/>
      <c r="AU23" s="360"/>
      <c r="AV23" s="360"/>
      <c r="AW23" s="360"/>
      <c r="AX23" s="360"/>
      <c r="AY23" s="360"/>
      <c r="AZ23" s="360"/>
      <c r="BA23" s="360"/>
      <c r="BB23" s="360"/>
      <c r="BC23" s="360"/>
      <c r="BD23" s="360"/>
      <c r="BE23" s="360"/>
      <c r="BF23" s="360"/>
      <c r="BG23" s="360"/>
      <c r="BH23" s="360"/>
      <c r="BI23" s="360"/>
      <c r="BJ23" s="360"/>
      <c r="BK23" s="360"/>
      <c r="BL23" s="360"/>
      <c r="BM23" s="360"/>
      <c r="BN23" s="360"/>
      <c r="BO23" s="360"/>
      <c r="BP23" s="360"/>
      <c r="BQ23" s="360"/>
      <c r="BR23" s="360"/>
      <c r="BS23" s="360"/>
      <c r="BT23" s="360"/>
      <c r="BU23" s="360"/>
      <c r="BV23" s="360"/>
      <c r="BW23" s="360"/>
      <c r="BX23" s="360"/>
      <c r="BY23" s="360"/>
      <c r="BZ23" s="360"/>
    </row>
    <row r="24" spans="1:78" ht="33.75" customHeight="1">
      <c r="A24" s="64"/>
      <c r="B24" s="354" t="s">
        <v>422</v>
      </c>
      <c r="C24" s="354"/>
      <c r="D24" s="354"/>
      <c r="E24" s="354"/>
      <c r="F24" s="354"/>
      <c r="G24" s="354"/>
      <c r="H24" s="354"/>
      <c r="I24" s="363" t="s">
        <v>285</v>
      </c>
      <c r="J24" s="364"/>
      <c r="K24" s="364"/>
      <c r="L24" s="364"/>
      <c r="M24" s="364"/>
      <c r="N24" s="364"/>
      <c r="O24" s="365"/>
      <c r="P24" s="363" t="s">
        <v>424</v>
      </c>
      <c r="Q24" s="364"/>
      <c r="R24" s="364"/>
      <c r="S24" s="364"/>
      <c r="T24" s="364"/>
      <c r="U24" s="364"/>
      <c r="V24" s="365"/>
      <c r="W24" s="363" t="s">
        <v>286</v>
      </c>
      <c r="X24" s="364"/>
      <c r="Y24" s="364"/>
      <c r="Z24" s="364"/>
      <c r="AA24" s="364"/>
      <c r="AB24" s="364"/>
      <c r="AC24" s="365"/>
      <c r="AD24" s="363" t="s">
        <v>287</v>
      </c>
      <c r="AE24" s="364"/>
      <c r="AF24" s="364"/>
      <c r="AG24" s="364"/>
      <c r="AH24" s="364"/>
      <c r="AI24" s="364"/>
      <c r="AJ24" s="365"/>
      <c r="AK24" s="363" t="s">
        <v>288</v>
      </c>
      <c r="AL24" s="364"/>
      <c r="AM24" s="364"/>
      <c r="AN24" s="364"/>
      <c r="AO24" s="364"/>
      <c r="AP24" s="364"/>
      <c r="AQ24" s="365"/>
      <c r="AR24" s="363" t="s">
        <v>425</v>
      </c>
      <c r="AS24" s="364"/>
      <c r="AT24" s="364"/>
      <c r="AU24" s="364"/>
      <c r="AV24" s="364"/>
      <c r="AW24" s="364"/>
      <c r="AX24" s="365"/>
      <c r="AY24" s="363" t="s">
        <v>426</v>
      </c>
      <c r="AZ24" s="364"/>
      <c r="BA24" s="364"/>
      <c r="BB24" s="364"/>
      <c r="BC24" s="364"/>
      <c r="BD24" s="364"/>
      <c r="BE24" s="365"/>
      <c r="BF24" s="363" t="s">
        <v>427</v>
      </c>
      <c r="BG24" s="364"/>
      <c r="BH24" s="364"/>
      <c r="BI24" s="364"/>
      <c r="BJ24" s="364"/>
      <c r="BK24" s="364"/>
      <c r="BL24" s="365"/>
      <c r="BM24" s="354" t="s">
        <v>428</v>
      </c>
      <c r="BN24" s="354"/>
      <c r="BO24" s="354"/>
      <c r="BP24" s="354"/>
      <c r="BQ24" s="354"/>
      <c r="BR24" s="354"/>
      <c r="BS24" s="354"/>
      <c r="BT24" s="354" t="s">
        <v>429</v>
      </c>
      <c r="BU24" s="354"/>
      <c r="BV24" s="354"/>
      <c r="BW24" s="354"/>
      <c r="BX24" s="354"/>
      <c r="BY24" s="354"/>
      <c r="BZ24" s="354"/>
    </row>
    <row r="25" spans="1:78" ht="72">
      <c r="A25" s="37" t="s">
        <v>114</v>
      </c>
      <c r="B25" s="38" t="s">
        <v>115</v>
      </c>
      <c r="C25" s="38" t="s">
        <v>292</v>
      </c>
      <c r="D25" s="93" t="s">
        <v>290</v>
      </c>
      <c r="E25" s="38" t="s">
        <v>341</v>
      </c>
      <c r="F25" s="93" t="s">
        <v>291</v>
      </c>
      <c r="G25" s="38" t="s">
        <v>289</v>
      </c>
      <c r="H25" s="93" t="s">
        <v>293</v>
      </c>
      <c r="I25" s="65" t="s">
        <v>115</v>
      </c>
      <c r="J25" s="65" t="s">
        <v>292</v>
      </c>
      <c r="K25" s="92" t="s">
        <v>290</v>
      </c>
      <c r="L25" s="65" t="s">
        <v>341</v>
      </c>
      <c r="M25" s="92" t="s">
        <v>291</v>
      </c>
      <c r="N25" s="65" t="s">
        <v>289</v>
      </c>
      <c r="O25" s="92" t="s">
        <v>293</v>
      </c>
      <c r="P25" s="38" t="s">
        <v>115</v>
      </c>
      <c r="Q25" s="38" t="s">
        <v>292</v>
      </c>
      <c r="R25" s="93" t="s">
        <v>290</v>
      </c>
      <c r="S25" s="38" t="s">
        <v>341</v>
      </c>
      <c r="T25" s="93" t="s">
        <v>291</v>
      </c>
      <c r="U25" s="38" t="s">
        <v>289</v>
      </c>
      <c r="V25" s="93" t="s">
        <v>293</v>
      </c>
      <c r="W25" s="65" t="s">
        <v>115</v>
      </c>
      <c r="X25" s="65" t="s">
        <v>292</v>
      </c>
      <c r="Y25" s="92" t="s">
        <v>290</v>
      </c>
      <c r="Z25" s="65" t="s">
        <v>341</v>
      </c>
      <c r="AA25" s="92" t="s">
        <v>291</v>
      </c>
      <c r="AB25" s="65" t="s">
        <v>289</v>
      </c>
      <c r="AC25" s="92" t="s">
        <v>293</v>
      </c>
      <c r="AD25" s="38" t="s">
        <v>115</v>
      </c>
      <c r="AE25" s="38" t="s">
        <v>292</v>
      </c>
      <c r="AF25" s="93" t="s">
        <v>290</v>
      </c>
      <c r="AG25" s="38" t="s">
        <v>341</v>
      </c>
      <c r="AH25" s="93" t="s">
        <v>291</v>
      </c>
      <c r="AI25" s="38" t="s">
        <v>289</v>
      </c>
      <c r="AJ25" s="93" t="s">
        <v>293</v>
      </c>
      <c r="AK25" s="65" t="s">
        <v>115</v>
      </c>
      <c r="AL25" s="65" t="s">
        <v>292</v>
      </c>
      <c r="AM25" s="92" t="s">
        <v>290</v>
      </c>
      <c r="AN25" s="65" t="s">
        <v>341</v>
      </c>
      <c r="AO25" s="92" t="s">
        <v>291</v>
      </c>
      <c r="AP25" s="65" t="s">
        <v>289</v>
      </c>
      <c r="AQ25" s="92" t="s">
        <v>293</v>
      </c>
      <c r="AR25" s="38" t="s">
        <v>115</v>
      </c>
      <c r="AS25" s="38" t="s">
        <v>292</v>
      </c>
      <c r="AT25" s="93" t="s">
        <v>290</v>
      </c>
      <c r="AU25" s="38" t="s">
        <v>341</v>
      </c>
      <c r="AV25" s="93" t="s">
        <v>291</v>
      </c>
      <c r="AW25" s="38" t="s">
        <v>289</v>
      </c>
      <c r="AX25" s="93" t="s">
        <v>293</v>
      </c>
      <c r="AY25" s="65" t="s">
        <v>115</v>
      </c>
      <c r="AZ25" s="65" t="s">
        <v>292</v>
      </c>
      <c r="BA25" s="92" t="s">
        <v>290</v>
      </c>
      <c r="BB25" s="65" t="s">
        <v>341</v>
      </c>
      <c r="BC25" s="92" t="s">
        <v>291</v>
      </c>
      <c r="BD25" s="65" t="s">
        <v>289</v>
      </c>
      <c r="BE25" s="92" t="s">
        <v>293</v>
      </c>
      <c r="BF25" s="38" t="s">
        <v>115</v>
      </c>
      <c r="BG25" s="38" t="s">
        <v>292</v>
      </c>
      <c r="BH25" s="93" t="s">
        <v>290</v>
      </c>
      <c r="BI25" s="38" t="s">
        <v>341</v>
      </c>
      <c r="BJ25" s="93" t="s">
        <v>291</v>
      </c>
      <c r="BK25" s="38" t="s">
        <v>289</v>
      </c>
      <c r="BL25" s="93" t="s">
        <v>293</v>
      </c>
      <c r="BM25" s="65" t="s">
        <v>115</v>
      </c>
      <c r="BN25" s="65" t="s">
        <v>292</v>
      </c>
      <c r="BO25" s="92" t="s">
        <v>290</v>
      </c>
      <c r="BP25" s="65" t="s">
        <v>341</v>
      </c>
      <c r="BQ25" s="92" t="s">
        <v>291</v>
      </c>
      <c r="BR25" s="65" t="s">
        <v>289</v>
      </c>
      <c r="BS25" s="92" t="s">
        <v>293</v>
      </c>
      <c r="BT25" s="38" t="s">
        <v>115</v>
      </c>
      <c r="BU25" s="38" t="s">
        <v>292</v>
      </c>
      <c r="BV25" s="93" t="s">
        <v>290</v>
      </c>
      <c r="BW25" s="38" t="s">
        <v>341</v>
      </c>
      <c r="BX25" s="93" t="s">
        <v>291</v>
      </c>
      <c r="BY25" s="38" t="s">
        <v>289</v>
      </c>
      <c r="BZ25" s="93" t="s">
        <v>293</v>
      </c>
    </row>
    <row r="26" spans="1:78" ht="60">
      <c r="A26" s="41"/>
      <c r="B26" s="42" t="s">
        <v>118</v>
      </c>
      <c r="C26" s="42" t="s">
        <v>303</v>
      </c>
      <c r="D26" s="95" t="s">
        <v>148</v>
      </c>
      <c r="E26" s="42" t="s">
        <v>304</v>
      </c>
      <c r="F26" s="95" t="s">
        <v>148</v>
      </c>
      <c r="G26" s="42" t="s">
        <v>305</v>
      </c>
      <c r="H26" s="95" t="s">
        <v>148</v>
      </c>
      <c r="I26" s="68" t="s">
        <v>118</v>
      </c>
      <c r="J26" s="68" t="s">
        <v>303</v>
      </c>
      <c r="K26" s="94" t="s">
        <v>148</v>
      </c>
      <c r="L26" s="68" t="s">
        <v>304</v>
      </c>
      <c r="M26" s="94" t="s">
        <v>148</v>
      </c>
      <c r="N26" s="68" t="s">
        <v>305</v>
      </c>
      <c r="O26" s="94" t="s">
        <v>148</v>
      </c>
      <c r="P26" s="42" t="s">
        <v>118</v>
      </c>
      <c r="Q26" s="42" t="s">
        <v>303</v>
      </c>
      <c r="R26" s="95" t="s">
        <v>148</v>
      </c>
      <c r="S26" s="42" t="s">
        <v>304</v>
      </c>
      <c r="T26" s="95" t="s">
        <v>148</v>
      </c>
      <c r="U26" s="42" t="s">
        <v>305</v>
      </c>
      <c r="V26" s="95" t="s">
        <v>148</v>
      </c>
      <c r="W26" s="68" t="s">
        <v>118</v>
      </c>
      <c r="X26" s="68" t="s">
        <v>303</v>
      </c>
      <c r="Y26" s="94" t="s">
        <v>148</v>
      </c>
      <c r="Z26" s="68" t="s">
        <v>304</v>
      </c>
      <c r="AA26" s="94" t="s">
        <v>148</v>
      </c>
      <c r="AB26" s="68" t="s">
        <v>305</v>
      </c>
      <c r="AC26" s="94" t="s">
        <v>148</v>
      </c>
      <c r="AD26" s="42" t="s">
        <v>118</v>
      </c>
      <c r="AE26" s="42" t="s">
        <v>303</v>
      </c>
      <c r="AF26" s="95" t="s">
        <v>148</v>
      </c>
      <c r="AG26" s="42" t="s">
        <v>304</v>
      </c>
      <c r="AH26" s="95" t="s">
        <v>148</v>
      </c>
      <c r="AI26" s="42" t="s">
        <v>305</v>
      </c>
      <c r="AJ26" s="95" t="s">
        <v>148</v>
      </c>
      <c r="AK26" s="68" t="s">
        <v>118</v>
      </c>
      <c r="AL26" s="68" t="s">
        <v>303</v>
      </c>
      <c r="AM26" s="94" t="s">
        <v>148</v>
      </c>
      <c r="AN26" s="68" t="s">
        <v>304</v>
      </c>
      <c r="AO26" s="94" t="s">
        <v>148</v>
      </c>
      <c r="AP26" s="68" t="s">
        <v>305</v>
      </c>
      <c r="AQ26" s="94" t="s">
        <v>148</v>
      </c>
      <c r="AR26" s="42" t="s">
        <v>118</v>
      </c>
      <c r="AS26" s="42" t="s">
        <v>303</v>
      </c>
      <c r="AT26" s="95" t="s">
        <v>148</v>
      </c>
      <c r="AU26" s="42" t="s">
        <v>304</v>
      </c>
      <c r="AV26" s="95" t="s">
        <v>148</v>
      </c>
      <c r="AW26" s="42" t="s">
        <v>305</v>
      </c>
      <c r="AX26" s="95" t="s">
        <v>148</v>
      </c>
      <c r="AY26" s="68" t="s">
        <v>118</v>
      </c>
      <c r="AZ26" s="68" t="s">
        <v>303</v>
      </c>
      <c r="BA26" s="94" t="s">
        <v>148</v>
      </c>
      <c r="BB26" s="68" t="s">
        <v>304</v>
      </c>
      <c r="BC26" s="94" t="s">
        <v>148</v>
      </c>
      <c r="BD26" s="68" t="s">
        <v>305</v>
      </c>
      <c r="BE26" s="94" t="s">
        <v>148</v>
      </c>
      <c r="BF26" s="42" t="s">
        <v>118</v>
      </c>
      <c r="BG26" s="42" t="s">
        <v>303</v>
      </c>
      <c r="BH26" s="95" t="s">
        <v>148</v>
      </c>
      <c r="BI26" s="42" t="s">
        <v>304</v>
      </c>
      <c r="BJ26" s="95" t="s">
        <v>148</v>
      </c>
      <c r="BK26" s="42" t="s">
        <v>305</v>
      </c>
      <c r="BL26" s="95" t="s">
        <v>148</v>
      </c>
      <c r="BM26" s="68" t="s">
        <v>118</v>
      </c>
      <c r="BN26" s="68" t="s">
        <v>303</v>
      </c>
      <c r="BO26" s="94" t="s">
        <v>148</v>
      </c>
      <c r="BP26" s="68" t="s">
        <v>304</v>
      </c>
      <c r="BQ26" s="94" t="s">
        <v>148</v>
      </c>
      <c r="BR26" s="68" t="s">
        <v>305</v>
      </c>
      <c r="BS26" s="94" t="s">
        <v>148</v>
      </c>
      <c r="BT26" s="42" t="s">
        <v>118</v>
      </c>
      <c r="BU26" s="42" t="s">
        <v>303</v>
      </c>
      <c r="BV26" s="95" t="s">
        <v>148</v>
      </c>
      <c r="BW26" s="42" t="s">
        <v>304</v>
      </c>
      <c r="BX26" s="95" t="s">
        <v>148</v>
      </c>
      <c r="BY26" s="42" t="s">
        <v>305</v>
      </c>
      <c r="BZ26" s="95" t="s">
        <v>148</v>
      </c>
    </row>
    <row r="27" spans="1:78">
      <c r="A27" s="45" t="s">
        <v>444</v>
      </c>
      <c r="B27" s="286">
        <v>9213</v>
      </c>
      <c r="C27" s="292">
        <v>0.43232807985695232</v>
      </c>
      <c r="D27" s="98">
        <v>1.0113936484638618E-2</v>
      </c>
      <c r="E27" s="292">
        <v>0.15412328371839598</v>
      </c>
      <c r="F27" s="98">
        <v>7.3743166809847509E-3</v>
      </c>
      <c r="G27" s="292">
        <v>0.41354863642465173</v>
      </c>
      <c r="H27" s="98">
        <v>1.0054173636184641E-2</v>
      </c>
      <c r="I27" s="286">
        <v>9374</v>
      </c>
      <c r="J27" s="292">
        <v>0.38568309813479384</v>
      </c>
      <c r="K27" s="98">
        <v>9.8519615374673807E-3</v>
      </c>
      <c r="L27" s="292">
        <v>0.18218326501665275</v>
      </c>
      <c r="M27" s="98">
        <v>7.8146352499400065E-3</v>
      </c>
      <c r="N27" s="292">
        <v>0.43213363684855338</v>
      </c>
      <c r="O27" s="98">
        <v>1.0026204114900961E-2</v>
      </c>
      <c r="P27" s="286">
        <v>8708</v>
      </c>
      <c r="Q27" s="292">
        <v>0.42370781579606454</v>
      </c>
      <c r="R27" s="98">
        <v>1.0376633846408823E-2</v>
      </c>
      <c r="S27" s="292">
        <v>0.1920201627586362</v>
      </c>
      <c r="T27" s="98">
        <v>8.2735645536170018E-3</v>
      </c>
      <c r="U27" s="292">
        <v>0.38427202144529926</v>
      </c>
      <c r="V27" s="98">
        <v>1.021462079545158E-2</v>
      </c>
      <c r="W27" s="286">
        <v>8521</v>
      </c>
      <c r="X27" s="292">
        <v>0.37883432124251959</v>
      </c>
      <c r="Y27" s="98">
        <v>1.0297930869652781E-2</v>
      </c>
      <c r="Z27" s="292">
        <v>0.10921307433438179</v>
      </c>
      <c r="AA27" s="98">
        <v>6.6260189939259971E-3</v>
      </c>
      <c r="AB27" s="292">
        <v>0.51195260442309865</v>
      </c>
      <c r="AC27" s="98">
        <v>1.0610964758204854E-2</v>
      </c>
      <c r="AD27" s="286">
        <v>9609</v>
      </c>
      <c r="AE27" s="292">
        <v>0.30741934343192834</v>
      </c>
      <c r="AF27" s="98">
        <v>9.2248400308344008E-3</v>
      </c>
      <c r="AG27" s="292">
        <v>0.16632251727357414</v>
      </c>
      <c r="AH27" s="98">
        <v>7.4463970505939817E-3</v>
      </c>
      <c r="AI27" s="292">
        <v>0.5262581392944975</v>
      </c>
      <c r="AJ27" s="98">
        <v>9.9815363694857571E-3</v>
      </c>
      <c r="AK27" s="286">
        <v>8691</v>
      </c>
      <c r="AL27" s="292">
        <v>0.2190908302933606</v>
      </c>
      <c r="AM27" s="98">
        <v>8.6961244529133799E-3</v>
      </c>
      <c r="AN27" s="292">
        <v>0.13640958471602321</v>
      </c>
      <c r="AO27" s="98">
        <v>7.2180795983871988E-3</v>
      </c>
      <c r="AP27" s="292">
        <v>0.6444995849906161</v>
      </c>
      <c r="AQ27" s="98">
        <v>1.0061688261391108E-2</v>
      </c>
      <c r="AR27" s="286">
        <v>10164</v>
      </c>
      <c r="AS27" s="292">
        <v>0.1215197378085921</v>
      </c>
      <c r="AT27" s="98">
        <v>6.3541403945423687E-3</v>
      </c>
      <c r="AU27" s="292">
        <v>0.10677998669154716</v>
      </c>
      <c r="AV27" s="98">
        <v>6.0067449900481854E-3</v>
      </c>
      <c r="AW27" s="292">
        <v>0.77170027549986075</v>
      </c>
      <c r="AX27" s="98">
        <v>8.1599384927245125E-3</v>
      </c>
      <c r="AY27" s="286">
        <v>8699</v>
      </c>
      <c r="AZ27" s="292">
        <v>0.49465950465722702</v>
      </c>
      <c r="BA27" s="98">
        <v>1.0504293125167773E-2</v>
      </c>
      <c r="BB27" s="292">
        <v>0.16841915777166558</v>
      </c>
      <c r="BC27" s="98">
        <v>7.8654969432280699E-3</v>
      </c>
      <c r="BD27" s="292">
        <v>0.33692133757110737</v>
      </c>
      <c r="BE27" s="98">
        <v>9.9309802661461735E-3</v>
      </c>
      <c r="BF27" s="286">
        <v>9244</v>
      </c>
      <c r="BG27" s="292">
        <v>0.3895634173771737</v>
      </c>
      <c r="BH27" s="98">
        <v>9.93919364727067E-3</v>
      </c>
      <c r="BI27" s="292">
        <v>0.20393159075653874</v>
      </c>
      <c r="BJ27" s="98">
        <v>8.2139298372494885E-3</v>
      </c>
      <c r="BK27" s="292">
        <v>0.40650499186628752</v>
      </c>
      <c r="BL27" s="98">
        <v>1.0011068706976736E-2</v>
      </c>
      <c r="BM27" s="286">
        <v>10100</v>
      </c>
      <c r="BN27" s="292">
        <v>0.27920320322357906</v>
      </c>
      <c r="BO27" s="98">
        <v>8.748179014835487E-3</v>
      </c>
      <c r="BP27" s="292">
        <v>0.12402881788470192</v>
      </c>
      <c r="BQ27" s="98">
        <v>6.4304171253859177E-3</v>
      </c>
      <c r="BR27" s="292">
        <v>0.59676797889171906</v>
      </c>
      <c r="BS27" s="98">
        <v>9.5652506276184927E-3</v>
      </c>
      <c r="BT27" s="286">
        <v>7438</v>
      </c>
      <c r="BU27" s="292">
        <v>0.26006680474041544</v>
      </c>
      <c r="BV27" s="98">
        <v>9.9682691940586321E-3</v>
      </c>
      <c r="BW27" s="292">
        <v>0.12455751343580861</v>
      </c>
      <c r="BX27" s="98">
        <v>7.5077788324983035E-3</v>
      </c>
      <c r="BY27" s="292">
        <v>0.615375681823776</v>
      </c>
      <c r="BZ27" s="98">
        <v>1.1053832961009676E-2</v>
      </c>
    </row>
    <row r="28" spans="1:78">
      <c r="A28" s="49" t="s">
        <v>445</v>
      </c>
      <c r="B28" s="289">
        <v>764</v>
      </c>
      <c r="C28" s="293">
        <v>0.35537485689597348</v>
      </c>
      <c r="D28" s="101">
        <v>3.3867124333279618E-2</v>
      </c>
      <c r="E28" s="293">
        <v>0.17510555021321655</v>
      </c>
      <c r="F28" s="101">
        <v>2.6981560439470382E-2</v>
      </c>
      <c r="G28" s="293">
        <v>0.46951959289080997</v>
      </c>
      <c r="H28" s="101">
        <v>3.5297618958006302E-2</v>
      </c>
      <c r="I28" s="289">
        <v>776</v>
      </c>
      <c r="J28" s="293">
        <v>0.32108912772447523</v>
      </c>
      <c r="K28" s="101">
        <v>3.2790942271777992E-2</v>
      </c>
      <c r="L28" s="293">
        <v>0.16459376830656461</v>
      </c>
      <c r="M28" s="101">
        <v>2.6132094493419637E-2</v>
      </c>
      <c r="N28" s="293">
        <v>0.51431710396896013</v>
      </c>
      <c r="O28" s="101">
        <v>3.5075387794622666E-2</v>
      </c>
      <c r="P28" s="289">
        <v>735</v>
      </c>
      <c r="Q28" s="293">
        <v>0.3561967891453845</v>
      </c>
      <c r="R28" s="101">
        <v>3.4543530671108817E-2</v>
      </c>
      <c r="S28" s="293">
        <v>0.17930184151747314</v>
      </c>
      <c r="T28" s="101">
        <v>2.7761971899958309E-2</v>
      </c>
      <c r="U28" s="293">
        <v>0.46450136933714237</v>
      </c>
      <c r="V28" s="101">
        <v>3.5959894613627204E-2</v>
      </c>
      <c r="W28" s="289">
        <v>607</v>
      </c>
      <c r="X28" s="293">
        <v>0.57022444377099024</v>
      </c>
      <c r="Y28" s="101">
        <v>3.9258730769132076E-2</v>
      </c>
      <c r="Z28" s="293">
        <v>0.14639137161668128</v>
      </c>
      <c r="AA28" s="101">
        <v>2.821239047565343E-2</v>
      </c>
      <c r="AB28" s="293">
        <v>0.28338418461232839</v>
      </c>
      <c r="AC28" s="101">
        <v>3.5786585491840571E-2</v>
      </c>
      <c r="AD28" s="289">
        <v>772</v>
      </c>
      <c r="AE28" s="293">
        <v>0.29964971976945581</v>
      </c>
      <c r="AF28" s="101">
        <v>3.2263870501723926E-2</v>
      </c>
      <c r="AG28" s="293">
        <v>0.14116299919077868</v>
      </c>
      <c r="AH28" s="101">
        <v>2.4631999914869522E-2</v>
      </c>
      <c r="AI28" s="293">
        <v>0.55918728103976545</v>
      </c>
      <c r="AJ28" s="101">
        <v>3.493515237956029E-2</v>
      </c>
      <c r="AK28" s="289">
        <v>719</v>
      </c>
      <c r="AL28" s="293">
        <v>0.22544075169195371</v>
      </c>
      <c r="AM28" s="101">
        <v>3.0532502374065861E-2</v>
      </c>
      <c r="AN28" s="293">
        <v>0.15260979455145449</v>
      </c>
      <c r="AO28" s="101">
        <v>2.6347803453225668E-2</v>
      </c>
      <c r="AP28" s="293">
        <v>0.62194945375659183</v>
      </c>
      <c r="AQ28" s="101">
        <v>3.535826128645609E-2</v>
      </c>
      <c r="AR28" s="289">
        <v>838</v>
      </c>
      <c r="AS28" s="293">
        <v>0.13205301646890527</v>
      </c>
      <c r="AT28" s="101">
        <v>2.2995270417188927E-2</v>
      </c>
      <c r="AU28" s="293">
        <v>0.12193297351208561</v>
      </c>
      <c r="AV28" s="101">
        <v>2.2241036421123895E-2</v>
      </c>
      <c r="AW28" s="293">
        <v>0.74601401001900913</v>
      </c>
      <c r="AX28" s="101">
        <v>2.9446579470421612E-2</v>
      </c>
      <c r="AY28" s="289">
        <v>781</v>
      </c>
      <c r="AZ28" s="293">
        <v>0.29732058393653499</v>
      </c>
      <c r="BA28" s="101">
        <v>3.2007070638433513E-2</v>
      </c>
      <c r="BB28" s="293">
        <v>0.13480826828368464</v>
      </c>
      <c r="BC28" s="101">
        <v>2.4029518954392245E-2</v>
      </c>
      <c r="BD28" s="293">
        <v>0.56787114777978043</v>
      </c>
      <c r="BE28" s="101">
        <v>3.465725873448347E-2</v>
      </c>
      <c r="BF28" s="289">
        <v>762</v>
      </c>
      <c r="BG28" s="293">
        <v>0.34243969701306914</v>
      </c>
      <c r="BH28" s="101">
        <v>3.362410743259911E-2</v>
      </c>
      <c r="BI28" s="293">
        <v>0.19576171482142848</v>
      </c>
      <c r="BJ28" s="101">
        <v>2.8185368083760935E-2</v>
      </c>
      <c r="BK28" s="293">
        <v>0.4617985881655024</v>
      </c>
      <c r="BL28" s="101">
        <v>3.5306420082689735E-2</v>
      </c>
      <c r="BM28" s="289">
        <v>828</v>
      </c>
      <c r="BN28" s="293">
        <v>0.23167787178514451</v>
      </c>
      <c r="BO28" s="101">
        <v>2.8724283781829854E-2</v>
      </c>
      <c r="BP28" s="293">
        <v>0.1735197679378232</v>
      </c>
      <c r="BQ28" s="101">
        <v>2.5824252675179162E-2</v>
      </c>
      <c r="BR28" s="293">
        <v>0.59480236027703226</v>
      </c>
      <c r="BS28" s="101">
        <v>3.3365056389099215E-2</v>
      </c>
      <c r="BT28" s="289">
        <v>570</v>
      </c>
      <c r="BU28" s="293">
        <v>0.33918390009650301</v>
      </c>
      <c r="BV28" s="101">
        <v>3.8761962184891044E-2</v>
      </c>
      <c r="BW28" s="293">
        <v>0.17808666169403498</v>
      </c>
      <c r="BX28" s="101">
        <v>3.1452386166732363E-2</v>
      </c>
      <c r="BY28" s="293">
        <v>0.48272943820946201</v>
      </c>
      <c r="BZ28" s="101">
        <v>4.0880340201534728E-2</v>
      </c>
    </row>
    <row r="29" spans="1:78">
      <c r="A29" s="53" t="s">
        <v>446</v>
      </c>
      <c r="B29" s="54">
        <v>84</v>
      </c>
      <c r="C29" s="187">
        <v>0.21678147617682547</v>
      </c>
      <c r="D29" s="98">
        <v>8.7881073245504482E-2</v>
      </c>
      <c r="E29" s="187">
        <v>0.32954527393072552</v>
      </c>
      <c r="F29" s="98">
        <v>9.8782325653079692E-2</v>
      </c>
      <c r="G29" s="187">
        <v>0.453673249892449</v>
      </c>
      <c r="H29" s="98">
        <v>0.10405897405501432</v>
      </c>
      <c r="I29" s="54">
        <v>97</v>
      </c>
      <c r="J29" s="187">
        <v>0.12357216682041855</v>
      </c>
      <c r="K29" s="98">
        <v>6.7363067733901466E-2</v>
      </c>
      <c r="L29" s="187">
        <v>4.1176426739772551E-2</v>
      </c>
      <c r="M29" s="98">
        <v>4.6079923085636951E-2</v>
      </c>
      <c r="N29" s="187">
        <v>0.83525140643980889</v>
      </c>
      <c r="O29" s="98">
        <v>7.4604671796252228E-2</v>
      </c>
      <c r="P29" s="54">
        <v>86</v>
      </c>
      <c r="Q29" s="187">
        <v>0.13101639350117616</v>
      </c>
      <c r="R29" s="98">
        <v>7.3244548949036398E-2</v>
      </c>
      <c r="S29" s="187">
        <v>0.1919727743822226</v>
      </c>
      <c r="T29" s="98">
        <v>8.3505522338659363E-2</v>
      </c>
      <c r="U29" s="187">
        <v>0.67701083211660129</v>
      </c>
      <c r="V29" s="98">
        <v>9.7210734147746627E-2</v>
      </c>
      <c r="W29" s="54">
        <v>67</v>
      </c>
      <c r="X29" s="187">
        <v>0.60864283690012755</v>
      </c>
      <c r="Y29" s="98">
        <v>0.11383344473568231</v>
      </c>
      <c r="Z29" s="187">
        <v>0.17898844604619707</v>
      </c>
      <c r="AA29" s="98">
        <v>9.2529239812699851E-2</v>
      </c>
      <c r="AB29" s="187">
        <v>0.21236871705367544</v>
      </c>
      <c r="AC29" s="98">
        <v>9.7675799991174705E-2</v>
      </c>
      <c r="AD29" s="54">
        <v>89</v>
      </c>
      <c r="AE29" s="187">
        <v>0.18070214320079003</v>
      </c>
      <c r="AF29" s="98">
        <v>8.0436365590686704E-2</v>
      </c>
      <c r="AG29" s="187">
        <v>0.15149365472801726</v>
      </c>
      <c r="AH29" s="98">
        <v>7.5710646948390373E-2</v>
      </c>
      <c r="AI29" s="187">
        <v>0.66780420207119273</v>
      </c>
      <c r="AJ29" s="98">
        <v>9.6237404477060973E-2</v>
      </c>
      <c r="AK29" s="54">
        <v>77</v>
      </c>
      <c r="AL29" s="187">
        <v>0.18377067630953611</v>
      </c>
      <c r="AM29" s="98">
        <v>8.7010817800265969E-2</v>
      </c>
      <c r="AN29" s="187">
        <v>0.18889966412964992</v>
      </c>
      <c r="AO29" s="98">
        <v>8.7799675243229042E-2</v>
      </c>
      <c r="AP29" s="187">
        <v>0.62732965956081399</v>
      </c>
      <c r="AQ29" s="98">
        <v>0.10565003319953889</v>
      </c>
      <c r="AR29" s="54">
        <v>95</v>
      </c>
      <c r="AS29" s="187">
        <v>0.11166547408527731</v>
      </c>
      <c r="AT29" s="98">
        <v>6.5669903820363182E-2</v>
      </c>
      <c r="AU29" s="187">
        <v>0.13737777819262062</v>
      </c>
      <c r="AV29" s="98">
        <v>7.0728167447928744E-2</v>
      </c>
      <c r="AW29" s="187">
        <v>0.75095674772210208</v>
      </c>
      <c r="AX29" s="98">
        <v>8.6317162623600119E-2</v>
      </c>
      <c r="AY29" s="54">
        <v>85</v>
      </c>
      <c r="AZ29" s="187">
        <v>0.18548398560980309</v>
      </c>
      <c r="BA29" s="98">
        <v>8.3044491358524597E-2</v>
      </c>
      <c r="BB29" s="187">
        <v>0.12700142041046544</v>
      </c>
      <c r="BC29" s="98">
        <v>7.2892802059314032E-2</v>
      </c>
      <c r="BD29" s="187">
        <v>0.68751459397973158</v>
      </c>
      <c r="BE29" s="98">
        <v>9.6987874469803406E-2</v>
      </c>
      <c r="BF29" s="54">
        <v>87</v>
      </c>
      <c r="BG29" s="187">
        <v>0.19827242986346569</v>
      </c>
      <c r="BH29" s="98">
        <v>8.3910795398907931E-2</v>
      </c>
      <c r="BI29" s="187">
        <v>0.1763552155691446</v>
      </c>
      <c r="BJ29" s="98">
        <v>8.0697891367251709E-2</v>
      </c>
      <c r="BK29" s="187">
        <v>0.62537235456738971</v>
      </c>
      <c r="BL29" s="98">
        <v>9.9736388689238717E-2</v>
      </c>
      <c r="BM29" s="54">
        <v>102</v>
      </c>
      <c r="BN29" s="187">
        <v>0.20351981695233023</v>
      </c>
      <c r="BO29" s="98">
        <v>7.8170457493542317E-2</v>
      </c>
      <c r="BP29" s="187">
        <v>0.17254152807652628</v>
      </c>
      <c r="BQ29" s="98">
        <v>7.3905308615383372E-2</v>
      </c>
      <c r="BR29" s="187">
        <v>0.62393865497114354</v>
      </c>
      <c r="BS29" s="98">
        <v>9.2438635649820883E-2</v>
      </c>
      <c r="BT29" s="54">
        <v>60</v>
      </c>
      <c r="BU29" s="187">
        <v>0.28178748121505953</v>
      </c>
      <c r="BV29" s="98">
        <v>0.11177730826776587</v>
      </c>
      <c r="BW29" s="187">
        <v>0.23509177214474122</v>
      </c>
      <c r="BX29" s="98">
        <v>0.10632027591198663</v>
      </c>
      <c r="BY29" s="187">
        <v>0.48312074664019927</v>
      </c>
      <c r="BZ29" s="98">
        <v>0.12243863455426028</v>
      </c>
    </row>
    <row r="30" spans="1:78">
      <c r="A30" s="49" t="s">
        <v>447</v>
      </c>
      <c r="B30" s="289">
        <v>48</v>
      </c>
      <c r="C30" s="293">
        <v>0.42680460410724963</v>
      </c>
      <c r="D30" s="101">
        <v>0.13465504315756066</v>
      </c>
      <c r="E30" s="293">
        <v>0.31011869425215566</v>
      </c>
      <c r="F30" s="101">
        <v>0.12727777664044429</v>
      </c>
      <c r="G30" s="293">
        <v>0.26307670164059471</v>
      </c>
      <c r="H30" s="101">
        <v>0.12221199285183655</v>
      </c>
      <c r="I30" s="289">
        <v>46</v>
      </c>
      <c r="J30" s="293">
        <v>0.42309128406850255</v>
      </c>
      <c r="K30" s="101">
        <v>0.13719820401891286</v>
      </c>
      <c r="L30" s="293">
        <v>0.1505664319461649</v>
      </c>
      <c r="M30" s="101">
        <v>0.10614855079402578</v>
      </c>
      <c r="N30" s="293">
        <v>0.42634228398533258</v>
      </c>
      <c r="O30" s="101">
        <v>0.13731416209392291</v>
      </c>
      <c r="P30" s="289">
        <v>45</v>
      </c>
      <c r="Q30" s="293">
        <v>0.62514783620751824</v>
      </c>
      <c r="R30" s="101">
        <v>0.13625120721127401</v>
      </c>
      <c r="S30" s="293">
        <v>6.9341721402583642E-2</v>
      </c>
      <c r="T30" s="101">
        <v>8.5653355549153168E-2</v>
      </c>
      <c r="U30" s="293">
        <v>0.30551044238989816</v>
      </c>
      <c r="V30" s="101">
        <v>0.13076253214356381</v>
      </c>
      <c r="W30" s="289">
        <v>42</v>
      </c>
      <c r="X30" s="293">
        <v>0.73736297504572179</v>
      </c>
      <c r="Y30" s="101">
        <v>0.13021428030832588</v>
      </c>
      <c r="Z30" s="293">
        <v>7.4207337839630738E-2</v>
      </c>
      <c r="AA30" s="101">
        <v>9.086310570315434E-2</v>
      </c>
      <c r="AB30" s="293">
        <v>0.18842968711464747</v>
      </c>
      <c r="AC30" s="101">
        <v>0.11882666213882261</v>
      </c>
      <c r="AD30" s="289">
        <v>47</v>
      </c>
      <c r="AE30" s="293">
        <v>0.38649376877748737</v>
      </c>
      <c r="AF30" s="101">
        <v>0.13419077730982779</v>
      </c>
      <c r="AG30" s="293">
        <v>8.4341390454304735E-2</v>
      </c>
      <c r="AH30" s="101">
        <v>8.8196421103870382E-2</v>
      </c>
      <c r="AI30" s="293">
        <v>0.52916484076820791</v>
      </c>
      <c r="AJ30" s="101">
        <v>0.13702904002482272</v>
      </c>
      <c r="AK30" s="289">
        <v>42</v>
      </c>
      <c r="AL30" s="293">
        <v>7.836123205007349E-2</v>
      </c>
      <c r="AM30" s="101">
        <v>9.2201832799316319E-2</v>
      </c>
      <c r="AN30" s="293">
        <v>0.17853250986700642</v>
      </c>
      <c r="AO30" s="101">
        <v>0.1169768485934187</v>
      </c>
      <c r="AP30" s="293">
        <v>0.74310625808292008</v>
      </c>
      <c r="AQ30" s="101">
        <v>0.12947448791015076</v>
      </c>
      <c r="AR30" s="289">
        <v>51</v>
      </c>
      <c r="AS30" s="293">
        <v>0.17400857237235795</v>
      </c>
      <c r="AT30" s="101">
        <v>0.10525932012963933</v>
      </c>
      <c r="AU30" s="293">
        <v>8.9324701973511222E-2</v>
      </c>
      <c r="AV30" s="101">
        <v>8.563255451741851E-2</v>
      </c>
      <c r="AW30" s="293">
        <v>0.73666672565413083</v>
      </c>
      <c r="AX30" s="101">
        <v>0.11873479300283987</v>
      </c>
      <c r="AY30" s="289">
        <v>48</v>
      </c>
      <c r="AZ30" s="293">
        <v>0.48025901290098888</v>
      </c>
      <c r="BA30" s="101">
        <v>0.13581126378268191</v>
      </c>
      <c r="BB30" s="293">
        <v>0.19896661275134861</v>
      </c>
      <c r="BC30" s="101">
        <v>0.11298132119249854</v>
      </c>
      <c r="BD30" s="293">
        <v>0.32077437434766248</v>
      </c>
      <c r="BE30" s="101">
        <v>0.12824669117017437</v>
      </c>
      <c r="BF30" s="289">
        <v>48</v>
      </c>
      <c r="BG30" s="293">
        <v>0.29669250845933903</v>
      </c>
      <c r="BH30" s="101">
        <v>0.12596557577255729</v>
      </c>
      <c r="BI30" s="293">
        <v>0.11904800054890968</v>
      </c>
      <c r="BJ30" s="101">
        <v>9.6612021288974753E-2</v>
      </c>
      <c r="BK30" s="293">
        <v>0.58425949099175134</v>
      </c>
      <c r="BL30" s="101">
        <v>0.13424722913133058</v>
      </c>
      <c r="BM30" s="289">
        <v>51</v>
      </c>
      <c r="BN30" s="293">
        <v>0.2069151823770658</v>
      </c>
      <c r="BO30" s="101">
        <v>0.11091884387503857</v>
      </c>
      <c r="BP30" s="293">
        <v>0.17742101301266999</v>
      </c>
      <c r="BQ30" s="101">
        <v>0.10588882543454228</v>
      </c>
      <c r="BR30" s="293">
        <v>0.61566380461026415</v>
      </c>
      <c r="BS30" s="101">
        <v>0.12906729725978872</v>
      </c>
      <c r="BT30" s="289">
        <v>35</v>
      </c>
      <c r="BU30" s="293">
        <v>0.49882233288454209</v>
      </c>
      <c r="BV30" s="101">
        <v>0.15692524015779444</v>
      </c>
      <c r="BW30" s="293">
        <v>0.26642896285114737</v>
      </c>
      <c r="BX30" s="101">
        <v>0.14246961021937557</v>
      </c>
      <c r="BY30" s="293">
        <v>0.23474870426431052</v>
      </c>
      <c r="BZ30" s="101">
        <v>0.13799964905682396</v>
      </c>
    </row>
    <row r="31" spans="1:78">
      <c r="A31" s="57" t="s">
        <v>448</v>
      </c>
      <c r="B31" s="286">
        <v>216</v>
      </c>
      <c r="C31" s="292">
        <v>0.37125032475823583</v>
      </c>
      <c r="D31" s="98">
        <v>6.3925183226878665E-2</v>
      </c>
      <c r="E31" s="292">
        <v>7.096920643402102E-2</v>
      </c>
      <c r="F31" s="98">
        <v>3.5596606747945812E-2</v>
      </c>
      <c r="G31" s="292">
        <v>0.55778046880774312</v>
      </c>
      <c r="H31" s="98">
        <v>6.564493482912645E-2</v>
      </c>
      <c r="I31" s="286">
        <v>210</v>
      </c>
      <c r="J31" s="292">
        <v>0.34858785169930073</v>
      </c>
      <c r="K31" s="98">
        <v>6.3965180199254054E-2</v>
      </c>
      <c r="L31" s="292">
        <v>0.18120212247471718</v>
      </c>
      <c r="M31" s="98">
        <v>5.2258759338968674E-2</v>
      </c>
      <c r="N31" s="292">
        <v>0.47021002582598204</v>
      </c>
      <c r="O31" s="98">
        <v>6.6876824152613978E-2</v>
      </c>
      <c r="P31" s="286">
        <v>195</v>
      </c>
      <c r="Q31" s="292">
        <v>0.26845962982061267</v>
      </c>
      <c r="R31" s="98">
        <v>6.1906253482676983E-2</v>
      </c>
      <c r="S31" s="292">
        <v>0.17651524563502288</v>
      </c>
      <c r="T31" s="98">
        <v>5.3725711421083899E-2</v>
      </c>
      <c r="U31" s="292">
        <v>0.55502512454436448</v>
      </c>
      <c r="V31" s="98">
        <v>6.9065238892947134E-2</v>
      </c>
      <c r="W31" s="286">
        <v>168</v>
      </c>
      <c r="X31" s="292">
        <v>0.62580992727551887</v>
      </c>
      <c r="Y31" s="98">
        <v>7.2432402216073277E-2</v>
      </c>
      <c r="Z31" s="292">
        <v>0.15030567134622558</v>
      </c>
      <c r="AA31" s="98">
        <v>5.4571349144102534E-2</v>
      </c>
      <c r="AB31" s="292">
        <v>0.22388440137825555</v>
      </c>
      <c r="AC31" s="98">
        <v>6.2922116539647466E-2</v>
      </c>
      <c r="AD31" s="286">
        <v>211</v>
      </c>
      <c r="AE31" s="292">
        <v>0.27208795326567092</v>
      </c>
      <c r="AF31" s="98">
        <v>5.9775092815035569E-2</v>
      </c>
      <c r="AG31" s="292">
        <v>0.11482020425514031</v>
      </c>
      <c r="AH31" s="98">
        <v>4.374647641913771E-2</v>
      </c>
      <c r="AI31" s="292">
        <v>0.6130918424791888</v>
      </c>
      <c r="AJ31" s="98">
        <v>6.5168049077597878E-2</v>
      </c>
      <c r="AK31" s="286">
        <v>207</v>
      </c>
      <c r="AL31" s="292">
        <v>0.19362145364340028</v>
      </c>
      <c r="AM31" s="98">
        <v>5.3914973851155484E-2</v>
      </c>
      <c r="AN31" s="292">
        <v>0.12665641522608154</v>
      </c>
      <c r="AO31" s="98">
        <v>4.5926296077729405E-2</v>
      </c>
      <c r="AP31" s="292">
        <v>0.67972213113051816</v>
      </c>
      <c r="AQ31" s="98">
        <v>6.3132154963520301E-2</v>
      </c>
      <c r="AR31" s="286">
        <v>237</v>
      </c>
      <c r="AS31" s="292">
        <v>0.10029145486726719</v>
      </c>
      <c r="AT31" s="98">
        <v>3.901505799960002E-2</v>
      </c>
      <c r="AU31" s="292">
        <v>0.15427098073680168</v>
      </c>
      <c r="AV31" s="98">
        <v>4.6286816879739644E-2</v>
      </c>
      <c r="AW31" s="292">
        <v>0.74543756439593112</v>
      </c>
      <c r="AX31" s="98">
        <v>5.5285065993905189E-2</v>
      </c>
      <c r="AY31" s="286">
        <v>217</v>
      </c>
      <c r="AZ31" s="292">
        <v>0.34417081694244178</v>
      </c>
      <c r="BA31" s="98">
        <v>6.2759387712707393E-2</v>
      </c>
      <c r="BB31" s="292">
        <v>9.6801842809543209E-2</v>
      </c>
      <c r="BC31" s="98">
        <v>4.0263751076405133E-2</v>
      </c>
      <c r="BD31" s="292">
        <v>0.55902734024801493</v>
      </c>
      <c r="BE31" s="98">
        <v>6.5477540421297262E-2</v>
      </c>
      <c r="BF31" s="286">
        <v>214</v>
      </c>
      <c r="BG31" s="292">
        <v>0.41075776157982363</v>
      </c>
      <c r="BH31" s="98">
        <v>6.5347247320071994E-2</v>
      </c>
      <c r="BI31" s="292">
        <v>0.17981196536422855</v>
      </c>
      <c r="BJ31" s="98">
        <v>5.1619552596041902E-2</v>
      </c>
      <c r="BK31" s="292">
        <v>0.40943027305594781</v>
      </c>
      <c r="BL31" s="98">
        <v>6.531622563572001E-2</v>
      </c>
      <c r="BM31" s="286">
        <v>226</v>
      </c>
      <c r="BN31" s="292">
        <v>0.23833410504590807</v>
      </c>
      <c r="BO31" s="98">
        <v>5.5420866846010185E-2</v>
      </c>
      <c r="BP31" s="292">
        <v>0.1592929555841304</v>
      </c>
      <c r="BQ31" s="98">
        <v>4.7996291594894776E-2</v>
      </c>
      <c r="BR31" s="292">
        <v>0.60237293936996161</v>
      </c>
      <c r="BS31" s="98">
        <v>6.3298031789560436E-2</v>
      </c>
      <c r="BT31" s="286">
        <v>171</v>
      </c>
      <c r="BU31" s="292">
        <v>0.23070626048862874</v>
      </c>
      <c r="BV31" s="98">
        <v>6.2992086778928549E-2</v>
      </c>
      <c r="BW31" s="292">
        <v>0.12256312502293991</v>
      </c>
      <c r="BX31" s="98">
        <v>5.0020747207756844E-2</v>
      </c>
      <c r="BY31" s="292">
        <v>0.64673061448843139</v>
      </c>
      <c r="BZ31" s="98">
        <v>7.0969958147567125E-2</v>
      </c>
    </row>
    <row r="32" spans="1:78">
      <c r="A32" s="49" t="s">
        <v>449</v>
      </c>
      <c r="B32" s="289">
        <v>239</v>
      </c>
      <c r="C32" s="293">
        <v>0.37971522744992375</v>
      </c>
      <c r="D32" s="101">
        <v>6.1081908484110825E-2</v>
      </c>
      <c r="E32" s="293">
        <v>0.10660827968605459</v>
      </c>
      <c r="F32" s="101">
        <v>3.9819383494399542E-2</v>
      </c>
      <c r="G32" s="293">
        <v>0.51367649286402162</v>
      </c>
      <c r="H32" s="101">
        <v>6.2844274969935388E-2</v>
      </c>
      <c r="I32" s="289">
        <v>242</v>
      </c>
      <c r="J32" s="293">
        <v>0.42965332326672506</v>
      </c>
      <c r="K32" s="101">
        <v>6.1881162558694344E-2</v>
      </c>
      <c r="L32" s="293">
        <v>0.23185298527642251</v>
      </c>
      <c r="M32" s="101">
        <v>5.3079473898646853E-2</v>
      </c>
      <c r="N32" s="293">
        <v>0.33849369145685249</v>
      </c>
      <c r="O32" s="101">
        <v>5.9244114625286233E-2</v>
      </c>
      <c r="P32" s="289">
        <v>231</v>
      </c>
      <c r="Q32" s="293">
        <v>0.447523982126804</v>
      </c>
      <c r="R32" s="101">
        <v>6.3587042831440732E-2</v>
      </c>
      <c r="S32" s="293">
        <v>0.20869718494448339</v>
      </c>
      <c r="T32" s="101">
        <v>5.2406556981529406E-2</v>
      </c>
      <c r="U32" s="293">
        <v>0.34377883292871259</v>
      </c>
      <c r="V32" s="101">
        <v>6.0838468592045732E-2</v>
      </c>
      <c r="W32" s="289">
        <v>196</v>
      </c>
      <c r="X32" s="293">
        <v>0.39398653881507195</v>
      </c>
      <c r="Y32" s="101">
        <v>6.778401566142396E-2</v>
      </c>
      <c r="Z32" s="293">
        <v>0.17535172947425312</v>
      </c>
      <c r="AA32" s="101">
        <v>5.3457576569590798E-2</v>
      </c>
      <c r="AB32" s="293">
        <v>0.4306617317106749</v>
      </c>
      <c r="AC32" s="101">
        <v>6.865354216028699E-2</v>
      </c>
      <c r="AD32" s="289">
        <v>251</v>
      </c>
      <c r="AE32" s="293">
        <v>0.36555694537200739</v>
      </c>
      <c r="AF32" s="101">
        <v>5.9181497166331969E-2</v>
      </c>
      <c r="AG32" s="293">
        <v>0.14355515117552586</v>
      </c>
      <c r="AH32" s="101">
        <v>4.3723995465090093E-2</v>
      </c>
      <c r="AI32" s="293">
        <v>0.49088790345246675</v>
      </c>
      <c r="AJ32" s="101">
        <v>6.1360105809981531E-2</v>
      </c>
      <c r="AK32" s="289">
        <v>231</v>
      </c>
      <c r="AL32" s="293">
        <v>0.31012108789437587</v>
      </c>
      <c r="AM32" s="101">
        <v>5.9306986639733821E-2</v>
      </c>
      <c r="AN32" s="293">
        <v>0.15942002146578851</v>
      </c>
      <c r="AO32" s="101">
        <v>4.7482812892363009E-2</v>
      </c>
      <c r="AP32" s="293">
        <v>0.53045889063983565</v>
      </c>
      <c r="AQ32" s="101">
        <v>6.3813434001614391E-2</v>
      </c>
      <c r="AR32" s="289">
        <v>265</v>
      </c>
      <c r="AS32" s="293">
        <v>0.13860128390950019</v>
      </c>
      <c r="AT32" s="101">
        <v>4.1953384597092927E-2</v>
      </c>
      <c r="AU32" s="293">
        <v>9.5715951990624618E-2</v>
      </c>
      <c r="AV32" s="101">
        <v>3.6124627607194149E-2</v>
      </c>
      <c r="AW32" s="293">
        <v>0.76568276409987523</v>
      </c>
      <c r="AX32" s="101">
        <v>5.091125868577099E-2</v>
      </c>
      <c r="AY32" s="289">
        <v>245</v>
      </c>
      <c r="AZ32" s="293">
        <v>0.3030503597241026</v>
      </c>
      <c r="BA32" s="101">
        <v>5.7250827458535505E-2</v>
      </c>
      <c r="BB32" s="293">
        <v>0.13491712310116613</v>
      </c>
      <c r="BC32" s="101">
        <v>4.3199779305079657E-2</v>
      </c>
      <c r="BD32" s="293">
        <v>0.56203251717473124</v>
      </c>
      <c r="BE32" s="101">
        <v>6.1640508639031776E-2</v>
      </c>
      <c r="BF32" s="289">
        <v>243</v>
      </c>
      <c r="BG32" s="293">
        <v>0.3960945624116799</v>
      </c>
      <c r="BH32" s="101">
        <v>6.103882186083124E-2</v>
      </c>
      <c r="BI32" s="293">
        <v>0.23956507255824822</v>
      </c>
      <c r="BJ32" s="101">
        <v>5.3546649989103183E-2</v>
      </c>
      <c r="BK32" s="293">
        <v>0.36434036503007183</v>
      </c>
      <c r="BL32" s="101">
        <v>6.0093458914921329E-2</v>
      </c>
      <c r="BM32" s="289">
        <v>261</v>
      </c>
      <c r="BN32" s="293">
        <v>0.27146243214052268</v>
      </c>
      <c r="BO32" s="101">
        <v>5.3755804931008941E-2</v>
      </c>
      <c r="BP32" s="293">
        <v>0.18437291983029172</v>
      </c>
      <c r="BQ32" s="101">
        <v>4.7151467550758865E-2</v>
      </c>
      <c r="BR32" s="293">
        <v>0.54416464802918563</v>
      </c>
      <c r="BS32" s="101">
        <v>5.9972679215907876E-2</v>
      </c>
      <c r="BT32" s="289">
        <v>179</v>
      </c>
      <c r="BU32" s="293">
        <v>0.27785245899662175</v>
      </c>
      <c r="BV32" s="101">
        <v>6.5245060128509988E-2</v>
      </c>
      <c r="BW32" s="293">
        <v>0.18028522290144378</v>
      </c>
      <c r="BX32" s="101">
        <v>5.6525045668862246E-2</v>
      </c>
      <c r="BY32" s="293">
        <v>0.54186231810193453</v>
      </c>
      <c r="BZ32" s="101">
        <v>7.2200345974640423E-2</v>
      </c>
    </row>
    <row r="33" spans="1:78">
      <c r="A33" s="57" t="s">
        <v>450</v>
      </c>
      <c r="B33" s="286">
        <v>136</v>
      </c>
      <c r="C33" s="292">
        <v>0.34197722375077977</v>
      </c>
      <c r="D33" s="98">
        <v>7.8825032923163549E-2</v>
      </c>
      <c r="E33" s="292">
        <v>0.17870491957439552</v>
      </c>
      <c r="F33" s="98">
        <v>6.4706316519202625E-2</v>
      </c>
      <c r="G33" s="292">
        <v>0.47931785667482474</v>
      </c>
      <c r="H33" s="98">
        <v>8.2758224021214633E-2</v>
      </c>
      <c r="I33" s="286">
        <v>138</v>
      </c>
      <c r="J33" s="292">
        <v>0.24808241835754777</v>
      </c>
      <c r="K33" s="98">
        <v>7.1706767770781277E-2</v>
      </c>
      <c r="L33" s="292">
        <v>0.2025507819402598</v>
      </c>
      <c r="M33" s="98">
        <v>6.7102478999530077E-2</v>
      </c>
      <c r="N33" s="292">
        <v>0.54936679970219249</v>
      </c>
      <c r="O33" s="98">
        <v>8.1860312746089056E-2</v>
      </c>
      <c r="P33" s="286">
        <v>134</v>
      </c>
      <c r="Q33" s="292">
        <v>0.29051759699375479</v>
      </c>
      <c r="R33" s="98">
        <v>7.6207700784029123E-2</v>
      </c>
      <c r="S33" s="292">
        <v>0.16143349057919071</v>
      </c>
      <c r="T33" s="98">
        <v>6.285510896150788E-2</v>
      </c>
      <c r="U33" s="292">
        <v>0.54804891242705456</v>
      </c>
      <c r="V33" s="98">
        <v>8.3059154961013862E-2</v>
      </c>
      <c r="W33" s="286">
        <v>104</v>
      </c>
      <c r="X33" s="292">
        <v>0.96540495794541159</v>
      </c>
      <c r="Y33" s="98">
        <v>4.1810644737964885E-2</v>
      </c>
      <c r="Z33" s="292">
        <v>9.9593236702349933E-3</v>
      </c>
      <c r="AA33" s="98">
        <v>3.1172778178776728E-2</v>
      </c>
      <c r="AB33" s="292">
        <v>2.4635718384353453E-2</v>
      </c>
      <c r="AC33" s="98">
        <v>3.7935285358606775E-2</v>
      </c>
      <c r="AD33" s="286">
        <v>134</v>
      </c>
      <c r="AE33" s="292">
        <v>0.24976264797702621</v>
      </c>
      <c r="AF33" s="98">
        <v>7.2909863685140616E-2</v>
      </c>
      <c r="AG33" s="292">
        <v>0.2419418086430653</v>
      </c>
      <c r="AH33" s="98">
        <v>7.2190771061207595E-2</v>
      </c>
      <c r="AI33" s="292">
        <v>0.50829554337990845</v>
      </c>
      <c r="AJ33" s="98">
        <v>8.3412313570920216E-2</v>
      </c>
      <c r="AK33" s="286">
        <v>129</v>
      </c>
      <c r="AL33" s="292">
        <v>0.263548439296655</v>
      </c>
      <c r="AM33" s="98">
        <v>7.5510472373848642E-2</v>
      </c>
      <c r="AN33" s="292">
        <v>0.1033007371826626</v>
      </c>
      <c r="AO33" s="98">
        <v>5.4266367748471704E-2</v>
      </c>
      <c r="AP33" s="292">
        <v>0.63315082352068242</v>
      </c>
      <c r="AQ33" s="98">
        <v>8.2093237927042206E-2</v>
      </c>
      <c r="AR33" s="286">
        <v>147</v>
      </c>
      <c r="AS33" s="292">
        <v>0.18418821661170875</v>
      </c>
      <c r="AT33" s="98">
        <v>6.2892765609619747E-2</v>
      </c>
      <c r="AU33" s="292">
        <v>0.17133300143523442</v>
      </c>
      <c r="AV33" s="98">
        <v>6.1284109480920883E-2</v>
      </c>
      <c r="AW33" s="292">
        <v>0.64447878195305686</v>
      </c>
      <c r="AX33" s="98">
        <v>7.6530831467273935E-2</v>
      </c>
      <c r="AY33" s="286">
        <v>143</v>
      </c>
      <c r="AZ33" s="292">
        <v>0.11874421846664159</v>
      </c>
      <c r="BA33" s="98">
        <v>5.4208976672829659E-2</v>
      </c>
      <c r="BB33" s="292">
        <v>0.12033877910918885</v>
      </c>
      <c r="BC33" s="98">
        <v>5.4485037582021535E-2</v>
      </c>
      <c r="BD33" s="292">
        <v>0.7609170024241696</v>
      </c>
      <c r="BE33" s="98">
        <v>6.9640080879201718E-2</v>
      </c>
      <c r="BF33" s="286">
        <v>132</v>
      </c>
      <c r="BG33" s="292">
        <v>0.39667341363527142</v>
      </c>
      <c r="BH33" s="98">
        <v>8.2326588568736078E-2</v>
      </c>
      <c r="BI33" s="292">
        <v>0.16897177144656619</v>
      </c>
      <c r="BJ33" s="98">
        <v>6.4388352296788035E-2</v>
      </c>
      <c r="BK33" s="292">
        <v>0.43435481491816236</v>
      </c>
      <c r="BL33" s="98">
        <v>8.3349234617762877E-2</v>
      </c>
      <c r="BM33" s="286">
        <v>145</v>
      </c>
      <c r="BN33" s="292">
        <v>0.21037400995793593</v>
      </c>
      <c r="BO33" s="98">
        <v>6.631346100566067E-2</v>
      </c>
      <c r="BP33" s="292">
        <v>0.17381983841032053</v>
      </c>
      <c r="BQ33" s="98">
        <v>6.2031002417874445E-2</v>
      </c>
      <c r="BR33" s="292">
        <v>0.61580615163174357</v>
      </c>
      <c r="BS33" s="98">
        <v>7.8218807511553218E-2</v>
      </c>
      <c r="BT33" s="286">
        <v>99</v>
      </c>
      <c r="BU33" s="292">
        <v>0.82608214581038264</v>
      </c>
      <c r="BV33" s="98">
        <v>7.5236491923073454E-2</v>
      </c>
      <c r="BW33" s="292">
        <v>3.7825864781330814E-3</v>
      </c>
      <c r="BX33" s="98">
        <v>2.89826578188426E-2</v>
      </c>
      <c r="BY33" s="292">
        <v>0.17013526771148429</v>
      </c>
      <c r="BZ33" s="98">
        <v>7.4666171342139695E-2</v>
      </c>
    </row>
  </sheetData>
  <mergeCells count="16">
    <mergeCell ref="BT24:BZ24"/>
    <mergeCell ref="AK24:AQ24"/>
    <mergeCell ref="AR24:AX24"/>
    <mergeCell ref="AY24:BE24"/>
    <mergeCell ref="BF24:BL24"/>
    <mergeCell ref="BM24:BS24"/>
    <mergeCell ref="B24:H24"/>
    <mergeCell ref="I24:O24"/>
    <mergeCell ref="P24:V24"/>
    <mergeCell ref="W24:AC24"/>
    <mergeCell ref="AD24:AJ24"/>
    <mergeCell ref="A3:D3"/>
    <mergeCell ref="A4:D4"/>
    <mergeCell ref="A5:D5"/>
    <mergeCell ref="A23:BZ23"/>
    <mergeCell ref="A22:BZ22"/>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6"/>
  <sheetViews>
    <sheetView workbookViewId="0">
      <selection activeCell="A10" sqref="A10"/>
    </sheetView>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314" t="s">
        <v>4</v>
      </c>
      <c r="F1" s="322"/>
      <c r="G1" s="322"/>
      <c r="H1" s="322"/>
      <c r="I1" s="322"/>
      <c r="J1" s="322"/>
      <c r="K1" s="322"/>
      <c r="L1" s="322"/>
      <c r="M1" s="322"/>
      <c r="N1" s="322"/>
    </row>
    <row r="2" spans="1:14" ht="21">
      <c r="A2" s="301"/>
      <c r="B2" s="13"/>
      <c r="C2" s="13"/>
      <c r="D2" s="13"/>
      <c r="E2" s="13"/>
      <c r="F2" s="323"/>
      <c r="G2" s="323"/>
      <c r="H2" s="323"/>
      <c r="I2" s="323"/>
      <c r="J2" s="323"/>
      <c r="K2" s="323"/>
      <c r="L2" s="323"/>
      <c r="M2" s="323"/>
      <c r="N2" s="323"/>
    </row>
    <row r="3" spans="1:14" s="12" customFormat="1" ht="21">
      <c r="A3" s="315" t="s">
        <v>294</v>
      </c>
      <c r="B3" s="11"/>
      <c r="C3" s="11"/>
      <c r="D3" s="11"/>
      <c r="E3" s="11"/>
      <c r="F3" s="20"/>
      <c r="G3" s="20"/>
      <c r="H3" s="20"/>
      <c r="I3" s="20"/>
      <c r="J3" s="20"/>
      <c r="K3" s="20"/>
      <c r="L3" s="20"/>
      <c r="M3" s="20"/>
      <c r="N3" s="20"/>
    </row>
    <row r="4" spans="1:14" s="12" customFormat="1" ht="31.5">
      <c r="A4" s="316" t="s">
        <v>431</v>
      </c>
      <c r="B4" s="11"/>
      <c r="C4" s="11"/>
      <c r="D4" s="11"/>
      <c r="E4" s="11"/>
      <c r="F4" s="20"/>
      <c r="G4" s="20"/>
      <c r="H4" s="20"/>
      <c r="I4" s="20"/>
      <c r="J4" s="20"/>
      <c r="K4" s="20"/>
      <c r="L4" s="20"/>
      <c r="M4" s="20"/>
      <c r="N4" s="20"/>
    </row>
    <row r="5" spans="1:14" ht="18.75" customHeight="1">
      <c r="A5" s="301"/>
      <c r="B5" s="13"/>
      <c r="C5" s="13"/>
      <c r="D5" s="13"/>
      <c r="E5" s="13"/>
      <c r="F5" s="20"/>
      <c r="G5" s="20"/>
      <c r="H5" s="20"/>
      <c r="I5" s="20"/>
      <c r="J5" s="20"/>
      <c r="K5" s="20"/>
      <c r="L5" s="20"/>
      <c r="M5" s="20"/>
      <c r="N5" s="20"/>
    </row>
    <row r="6" spans="1:14">
      <c r="A6" s="317" t="s">
        <v>295</v>
      </c>
      <c r="B6" s="13"/>
      <c r="C6" s="13"/>
      <c r="D6" s="13"/>
      <c r="E6" s="13"/>
    </row>
    <row r="7" spans="1:14" ht="51" customHeight="1">
      <c r="A7" s="318" t="s">
        <v>432</v>
      </c>
      <c r="B7" s="13"/>
      <c r="C7" s="13"/>
      <c r="D7" s="13"/>
      <c r="E7" s="13"/>
      <c r="F7" s="13"/>
      <c r="G7" s="13"/>
    </row>
    <row r="8" spans="1:14">
      <c r="A8" s="295"/>
      <c r="B8" s="13"/>
      <c r="C8" s="13"/>
      <c r="D8" s="13"/>
      <c r="E8" s="13"/>
      <c r="F8" s="13"/>
      <c r="G8" s="13"/>
    </row>
    <row r="9" spans="1:14">
      <c r="A9" s="315" t="s">
        <v>296</v>
      </c>
      <c r="B9" s="13"/>
      <c r="C9" s="13"/>
      <c r="D9" s="13"/>
      <c r="E9" s="13"/>
      <c r="F9" s="13"/>
      <c r="G9" s="13"/>
    </row>
    <row r="10" spans="1:14" ht="30">
      <c r="A10" s="316" t="s">
        <v>451</v>
      </c>
      <c r="B10" s="13"/>
      <c r="C10" s="13"/>
      <c r="D10" s="13"/>
      <c r="E10" s="13"/>
      <c r="F10" s="13"/>
      <c r="G10" s="13"/>
    </row>
    <row r="11" spans="1:14">
      <c r="A11" s="301"/>
      <c r="B11" s="14"/>
      <c r="C11" s="14"/>
      <c r="D11" s="14"/>
      <c r="E11" s="14"/>
    </row>
    <row r="12" spans="1:14">
      <c r="A12" s="315" t="s">
        <v>297</v>
      </c>
    </row>
    <row r="13" spans="1:14" ht="135">
      <c r="A13" s="316" t="s">
        <v>433</v>
      </c>
    </row>
    <row r="14" spans="1:14">
      <c r="A14" s="295"/>
    </row>
    <row r="15" spans="1:14">
      <c r="A15" s="317" t="s">
        <v>5</v>
      </c>
    </row>
    <row r="16" spans="1:14" ht="45">
      <c r="A16" s="318" t="s">
        <v>298</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29"/>
  <sheetViews>
    <sheetView topLeftCell="A10" workbookViewId="0">
      <selection activeCell="A22" sqref="A22"/>
    </sheetView>
  </sheetViews>
  <sheetFormatPr defaultColWidth="8.85546875" defaultRowHeight="15"/>
  <cols>
    <col min="1" max="1" width="135.85546875" style="294" customWidth="1"/>
    <col min="2" max="7" width="8.85546875" style="2"/>
    <col min="8" max="8" width="19.42578125" style="2" customWidth="1"/>
    <col min="9" max="10" width="8.85546875" style="2"/>
    <col min="11" max="11" width="9.140625" style="2" customWidth="1"/>
    <col min="12" max="16384" width="8.85546875" style="2"/>
  </cols>
  <sheetData>
    <row r="1" spans="1:14" ht="23.25">
      <c r="A1" s="314" t="s">
        <v>437</v>
      </c>
      <c r="B1" s="9"/>
      <c r="C1" s="9"/>
      <c r="D1" s="9"/>
      <c r="E1" s="9"/>
      <c r="F1" s="9"/>
      <c r="G1" s="9"/>
      <c r="N1" s="8"/>
    </row>
    <row r="2" spans="1:14" ht="75">
      <c r="A2" s="321" t="s">
        <v>438</v>
      </c>
      <c r="B2" s="6"/>
      <c r="C2" s="6"/>
      <c r="D2" s="6"/>
    </row>
    <row r="3" spans="1:14" s="17" customFormat="1">
      <c r="A3" s="301"/>
      <c r="B3" s="13"/>
      <c r="C3" s="13"/>
      <c r="D3" s="13"/>
    </row>
    <row r="4" spans="1:14" s="18" customFormat="1">
      <c r="A4" s="319" t="s">
        <v>0</v>
      </c>
      <c r="B4" s="13"/>
      <c r="C4" s="13"/>
      <c r="D4" s="13"/>
    </row>
    <row r="5" spans="1:14" s="18" customFormat="1" ht="75">
      <c r="A5" s="320" t="s">
        <v>434</v>
      </c>
      <c r="B5" s="13"/>
      <c r="C5" s="13"/>
      <c r="D5" s="13"/>
    </row>
    <row r="6" spans="1:14" s="18" customFormat="1">
      <c r="A6" s="301"/>
      <c r="B6" s="13"/>
      <c r="C6" s="13"/>
      <c r="D6" s="13"/>
    </row>
    <row r="7" spans="1:14">
      <c r="A7" s="319" t="s">
        <v>435</v>
      </c>
    </row>
    <row r="8" spans="1:14" ht="60">
      <c r="A8" s="320" t="s">
        <v>436</v>
      </c>
    </row>
    <row r="9" spans="1:14" s="17" customFormat="1">
      <c r="A9" s="302"/>
    </row>
    <row r="10" spans="1:14" s="19" customFormat="1">
      <c r="A10" s="317" t="s">
        <v>452</v>
      </c>
    </row>
    <row r="11" spans="1:14" s="19" customFormat="1" ht="45">
      <c r="A11" s="321" t="s">
        <v>439</v>
      </c>
    </row>
    <row r="12" spans="1:14" s="19" customFormat="1">
      <c r="A12" s="295"/>
    </row>
    <row r="13" spans="1:14" s="19" customFormat="1">
      <c r="A13" s="317" t="s">
        <v>453</v>
      </c>
    </row>
    <row r="14" spans="1:14" s="19" customFormat="1" ht="60">
      <c r="A14" s="321" t="s">
        <v>440</v>
      </c>
    </row>
    <row r="15" spans="1:14" s="19" customFormat="1">
      <c r="A15" s="295"/>
    </row>
    <row r="16" spans="1:14" s="19" customFormat="1">
      <c r="A16" s="317" t="s">
        <v>454</v>
      </c>
    </row>
    <row r="17" spans="1:1" s="19" customFormat="1" ht="45">
      <c r="A17" s="321" t="s">
        <v>441</v>
      </c>
    </row>
    <row r="18" spans="1:1">
      <c r="A18" s="295"/>
    </row>
    <row r="19" spans="1:1">
      <c r="A19" s="317" t="s">
        <v>449</v>
      </c>
    </row>
    <row r="20" spans="1:1" ht="60">
      <c r="A20" s="321" t="s">
        <v>442</v>
      </c>
    </row>
    <row r="21" spans="1:1" s="296" customFormat="1">
      <c r="A21" s="300"/>
    </row>
    <row r="22" spans="1:1">
      <c r="A22" s="317" t="s">
        <v>455</v>
      </c>
    </row>
    <row r="23" spans="1:1" ht="60">
      <c r="A23" s="321" t="s">
        <v>443</v>
      </c>
    </row>
    <row r="24" spans="1:1">
      <c r="A24" s="300"/>
    </row>
    <row r="25" spans="1:1">
      <c r="A25" s="303"/>
    </row>
    <row r="26" spans="1:1">
      <c r="A26" s="300"/>
    </row>
    <row r="27" spans="1:1">
      <c r="A27" s="300"/>
    </row>
    <row r="28" spans="1:1">
      <c r="A28" s="303"/>
    </row>
    <row r="29" spans="1:1">
      <c r="A29" s="300"/>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63"/>
  <sheetViews>
    <sheetView zoomScaleNormal="100" workbookViewId="0">
      <selection activeCell="B16" sqref="B16"/>
    </sheetView>
  </sheetViews>
  <sheetFormatPr defaultColWidth="8.85546875" defaultRowHeight="15"/>
  <cols>
    <col min="1" max="1" width="8.85546875" style="15"/>
    <col min="2" max="2" width="35.7109375" style="296" customWidth="1"/>
    <col min="3" max="3" width="36.140625" style="296" customWidth="1"/>
    <col min="4" max="4" width="21.140625" style="296" customWidth="1"/>
    <col min="5" max="5" width="8.85546875" style="296"/>
    <col min="6" max="6" width="23.42578125" style="296" customWidth="1"/>
    <col min="7" max="16384" width="8.85546875" style="296"/>
  </cols>
  <sheetData>
    <row r="1" spans="1:9" ht="21">
      <c r="A1" s="326" t="s">
        <v>1</v>
      </c>
      <c r="B1" s="326"/>
      <c r="C1" s="326"/>
      <c r="D1" s="326"/>
      <c r="E1" s="298"/>
      <c r="F1" s="298"/>
      <c r="G1" s="298"/>
      <c r="H1" s="298"/>
      <c r="I1" s="298"/>
    </row>
    <row r="2" spans="1:9" ht="21">
      <c r="A2" s="299"/>
      <c r="B2" s="299"/>
      <c r="C2" s="299"/>
      <c r="D2" s="299"/>
      <c r="E2" s="298"/>
      <c r="F2" s="298"/>
      <c r="G2" s="298"/>
      <c r="H2" s="298"/>
      <c r="I2" s="298"/>
    </row>
    <row r="3" spans="1:9" ht="21">
      <c r="A3" s="299" t="s">
        <v>8</v>
      </c>
      <c r="B3" s="299"/>
      <c r="C3" s="299"/>
      <c r="D3" s="299"/>
      <c r="E3" s="298"/>
      <c r="F3" s="298"/>
      <c r="G3" s="298"/>
      <c r="H3" s="298"/>
      <c r="I3" s="298"/>
    </row>
    <row r="4" spans="1:9" ht="21">
      <c r="A4" s="22"/>
      <c r="B4" s="298"/>
      <c r="C4" s="298"/>
      <c r="D4" s="298"/>
      <c r="E4" s="23"/>
      <c r="F4" s="298"/>
      <c r="G4" s="298"/>
      <c r="H4" s="298"/>
      <c r="I4" s="298"/>
    </row>
    <row r="5" spans="1:9" ht="18.75">
      <c r="A5" s="310" t="s">
        <v>82</v>
      </c>
      <c r="B5" s="24"/>
      <c r="C5" s="24"/>
      <c r="D5" s="298"/>
      <c r="E5" s="298"/>
      <c r="F5" s="298"/>
      <c r="G5" s="298"/>
      <c r="H5" s="298"/>
      <c r="I5" s="298"/>
    </row>
    <row r="6" spans="1:9" ht="18.75">
      <c r="A6" s="32"/>
      <c r="B6" s="24"/>
      <c r="C6" s="24"/>
      <c r="D6" s="298"/>
      <c r="E6" s="298"/>
      <c r="F6" s="298"/>
      <c r="G6" s="298"/>
      <c r="H6" s="298"/>
      <c r="I6" s="298"/>
    </row>
    <row r="7" spans="1:9" ht="18.75">
      <c r="A7" s="25">
        <v>1</v>
      </c>
      <c r="B7" s="311" t="s">
        <v>9</v>
      </c>
      <c r="C7" s="298"/>
      <c r="D7" s="298"/>
      <c r="E7" s="27"/>
      <c r="F7" s="27"/>
      <c r="G7" s="298"/>
      <c r="H7" s="298"/>
      <c r="I7" s="298"/>
    </row>
    <row r="8" spans="1:9">
      <c r="A8" s="25"/>
      <c r="B8" s="325" t="s">
        <v>12</v>
      </c>
      <c r="C8" s="325"/>
      <c r="D8" s="325"/>
      <c r="E8" s="325"/>
      <c r="F8" s="325"/>
      <c r="G8" s="298"/>
      <c r="H8" s="298"/>
      <c r="I8" s="298"/>
    </row>
    <row r="9" spans="1:9" ht="18.75">
      <c r="A9" s="32"/>
      <c r="B9" s="24"/>
      <c r="C9" s="24"/>
      <c r="D9" s="298"/>
      <c r="E9" s="298"/>
      <c r="F9" s="298"/>
      <c r="G9" s="298"/>
      <c r="H9" s="298"/>
      <c r="I9" s="298"/>
    </row>
    <row r="10" spans="1:9" ht="18.75">
      <c r="A10" s="25">
        <v>1</v>
      </c>
      <c r="B10" s="311" t="s">
        <v>10</v>
      </c>
      <c r="C10" s="298"/>
      <c r="D10" s="298"/>
      <c r="E10" s="27"/>
      <c r="F10" s="27"/>
      <c r="G10" s="298"/>
      <c r="H10" s="298"/>
      <c r="I10" s="298"/>
    </row>
    <row r="11" spans="1:9">
      <c r="A11" s="25"/>
      <c r="B11" s="325" t="s">
        <v>13</v>
      </c>
      <c r="C11" s="325"/>
      <c r="D11" s="325"/>
      <c r="E11" s="28"/>
      <c r="F11" s="28"/>
      <c r="G11" s="298"/>
      <c r="H11" s="298"/>
      <c r="I11" s="298"/>
    </row>
    <row r="12" spans="1:9" ht="18.75">
      <c r="A12" s="32"/>
      <c r="B12" s="24"/>
      <c r="C12" s="24"/>
      <c r="D12" s="298"/>
      <c r="E12" s="298"/>
      <c r="F12" s="298"/>
      <c r="G12" s="298"/>
      <c r="H12" s="298"/>
      <c r="I12" s="298"/>
    </row>
    <row r="13" spans="1:9" ht="18.75">
      <c r="A13" s="25">
        <v>1</v>
      </c>
      <c r="B13" s="311" t="s">
        <v>74</v>
      </c>
      <c r="C13" s="24"/>
      <c r="D13" s="298"/>
      <c r="E13" s="298"/>
      <c r="F13" s="298"/>
      <c r="G13" s="298"/>
      <c r="H13" s="298"/>
      <c r="I13" s="298"/>
    </row>
    <row r="14" spans="1:9" ht="18.75">
      <c r="A14" s="32"/>
      <c r="B14" s="298" t="s">
        <v>75</v>
      </c>
      <c r="C14" s="24"/>
      <c r="D14" s="298"/>
      <c r="E14" s="298"/>
      <c r="F14" s="298"/>
      <c r="G14" s="298"/>
      <c r="H14" s="298"/>
      <c r="I14" s="298"/>
    </row>
    <row r="15" spans="1:9" ht="18.75">
      <c r="A15" s="32"/>
      <c r="B15" s="298"/>
      <c r="C15" s="24"/>
      <c r="D15" s="298"/>
      <c r="E15" s="298"/>
      <c r="F15" s="298"/>
      <c r="G15" s="298"/>
      <c r="H15" s="298"/>
      <c r="I15" s="298"/>
    </row>
    <row r="16" spans="1:9" ht="18.75">
      <c r="A16" s="25">
        <v>1</v>
      </c>
      <c r="B16" s="311" t="s">
        <v>37</v>
      </c>
      <c r="C16" s="24"/>
      <c r="D16" s="298"/>
      <c r="E16" s="298"/>
      <c r="F16" s="298"/>
      <c r="G16" s="298"/>
      <c r="H16" s="298"/>
      <c r="I16" s="298"/>
    </row>
    <row r="17" spans="1:9" ht="18.75">
      <c r="A17" s="32"/>
      <c r="B17" s="298" t="s">
        <v>76</v>
      </c>
      <c r="C17" s="24"/>
      <c r="D17" s="298"/>
      <c r="E17" s="298"/>
      <c r="F17" s="298"/>
      <c r="G17" s="298"/>
      <c r="H17" s="298"/>
      <c r="I17" s="298"/>
    </row>
    <row r="18" spans="1:9" ht="18.75">
      <c r="A18" s="32"/>
      <c r="B18" s="298"/>
      <c r="C18" s="24"/>
      <c r="D18" s="298"/>
      <c r="E18" s="298"/>
      <c r="F18" s="298"/>
      <c r="G18" s="298"/>
      <c r="H18" s="298"/>
      <c r="I18" s="298"/>
    </row>
    <row r="19" spans="1:9" ht="18.75">
      <c r="A19" s="310" t="s">
        <v>83</v>
      </c>
      <c r="B19" s="298"/>
      <c r="C19" s="24"/>
      <c r="D19" s="298"/>
      <c r="E19" s="298"/>
      <c r="F19" s="298"/>
      <c r="G19" s="298"/>
      <c r="H19" s="298"/>
      <c r="I19" s="298"/>
    </row>
    <row r="20" spans="1:9" ht="18.75">
      <c r="A20" s="32"/>
      <c r="B20" s="298"/>
      <c r="C20" s="24"/>
      <c r="D20" s="298"/>
      <c r="E20" s="298"/>
      <c r="F20" s="298"/>
      <c r="G20" s="298"/>
      <c r="H20" s="298"/>
      <c r="I20" s="298"/>
    </row>
    <row r="21" spans="1:9" s="16" customFormat="1" ht="18.75">
      <c r="A21" s="25">
        <v>2</v>
      </c>
      <c r="B21" s="311" t="s">
        <v>11</v>
      </c>
      <c r="C21" s="298"/>
      <c r="D21" s="298"/>
      <c r="E21" s="27"/>
      <c r="F21" s="27"/>
      <c r="G21" s="27"/>
      <c r="H21" s="27"/>
      <c r="I21" s="27"/>
    </row>
    <row r="22" spans="1:9">
      <c r="A22" s="25"/>
      <c r="B22" s="325" t="s">
        <v>2</v>
      </c>
      <c r="C22" s="325"/>
      <c r="D22" s="325"/>
      <c r="E22" s="325"/>
      <c r="F22" s="325"/>
      <c r="G22" s="325"/>
      <c r="H22" s="298"/>
      <c r="I22" s="298"/>
    </row>
    <row r="23" spans="1:9">
      <c r="A23" s="25"/>
      <c r="B23" s="298"/>
      <c r="C23" s="298"/>
      <c r="D23" s="298"/>
      <c r="E23" s="298"/>
      <c r="F23" s="298"/>
      <c r="G23" s="298"/>
      <c r="H23" s="298"/>
      <c r="I23" s="298"/>
    </row>
    <row r="24" spans="1:9" s="16" customFormat="1" ht="18.75">
      <c r="A24" s="25">
        <v>2</v>
      </c>
      <c r="B24" s="311" t="s">
        <v>77</v>
      </c>
      <c r="C24" s="298"/>
      <c r="D24" s="298"/>
      <c r="E24" s="27"/>
      <c r="F24" s="27"/>
      <c r="G24" s="27"/>
      <c r="H24" s="27"/>
      <c r="I24" s="27"/>
    </row>
    <row r="25" spans="1:9">
      <c r="A25" s="25"/>
      <c r="B25" s="324" t="s">
        <v>78</v>
      </c>
      <c r="C25" s="325"/>
      <c r="D25" s="325"/>
      <c r="E25" s="325"/>
      <c r="F25" s="325"/>
      <c r="G25" s="325"/>
      <c r="H25" s="298"/>
      <c r="I25" s="298"/>
    </row>
    <row r="26" spans="1:9">
      <c r="A26" s="25"/>
      <c r="B26" s="298"/>
      <c r="C26" s="298"/>
      <c r="D26" s="298"/>
      <c r="E26" s="298"/>
      <c r="F26" s="298"/>
      <c r="G26" s="298"/>
      <c r="H26" s="298"/>
      <c r="I26" s="298"/>
    </row>
    <row r="27" spans="1:9">
      <c r="A27" s="25">
        <v>2</v>
      </c>
      <c r="B27" s="311" t="s">
        <v>79</v>
      </c>
      <c r="C27" s="298"/>
      <c r="D27" s="298"/>
      <c r="E27" s="298"/>
      <c r="F27" s="298"/>
      <c r="G27" s="298"/>
      <c r="H27" s="298"/>
      <c r="I27" s="298"/>
    </row>
    <row r="28" spans="1:9">
      <c r="A28" s="25"/>
      <c r="B28" s="298" t="s">
        <v>80</v>
      </c>
      <c r="C28" s="298"/>
      <c r="D28" s="298"/>
      <c r="E28" s="298"/>
      <c r="F28" s="298"/>
      <c r="G28" s="298"/>
      <c r="H28" s="298"/>
      <c r="I28" s="298"/>
    </row>
    <row r="29" spans="1:9">
      <c r="A29" s="25"/>
      <c r="B29" s="298"/>
      <c r="C29" s="298"/>
      <c r="D29" s="298"/>
      <c r="E29" s="298"/>
      <c r="F29" s="298"/>
      <c r="G29" s="298"/>
      <c r="H29" s="298"/>
      <c r="I29" s="298"/>
    </row>
    <row r="30" spans="1:9">
      <c r="A30" s="25">
        <v>2</v>
      </c>
      <c r="B30" s="311" t="s">
        <v>40</v>
      </c>
      <c r="C30" s="298"/>
      <c r="D30" s="298"/>
      <c r="E30" s="298"/>
      <c r="F30" s="298"/>
      <c r="G30" s="298"/>
      <c r="H30" s="298"/>
      <c r="I30" s="298"/>
    </row>
    <row r="31" spans="1:9">
      <c r="A31" s="25"/>
      <c r="B31" s="298" t="s">
        <v>81</v>
      </c>
      <c r="C31" s="298"/>
      <c r="D31" s="298"/>
      <c r="E31" s="298"/>
      <c r="F31" s="298"/>
      <c r="G31" s="298"/>
      <c r="H31" s="298"/>
      <c r="I31" s="298"/>
    </row>
    <row r="32" spans="1:9">
      <c r="A32" s="25"/>
      <c r="B32" s="298"/>
      <c r="C32" s="298"/>
      <c r="D32" s="298"/>
      <c r="E32" s="298"/>
      <c r="F32" s="298"/>
      <c r="G32" s="298"/>
      <c r="H32" s="298"/>
      <c r="I32" s="298"/>
    </row>
    <row r="33" spans="1:9" s="16" customFormat="1" ht="18.75">
      <c r="A33" s="327" t="s">
        <v>22</v>
      </c>
      <c r="B33" s="327"/>
      <c r="C33" s="327"/>
      <c r="D33" s="27"/>
      <c r="E33" s="27"/>
      <c r="F33" s="27"/>
      <c r="G33" s="27"/>
      <c r="H33" s="27"/>
      <c r="I33" s="27"/>
    </row>
    <row r="34" spans="1:9" s="16" customFormat="1" ht="18.75">
      <c r="A34" s="32"/>
      <c r="B34" s="32"/>
      <c r="C34" s="32"/>
      <c r="D34" s="27"/>
      <c r="E34" s="27"/>
      <c r="F34" s="27"/>
      <c r="G34" s="27"/>
      <c r="H34" s="27"/>
      <c r="I34" s="27"/>
    </row>
    <row r="35" spans="1:9" s="16" customFormat="1" ht="18.75">
      <c r="A35" s="310" t="s">
        <v>49</v>
      </c>
      <c r="B35" s="32"/>
      <c r="C35" s="32"/>
      <c r="D35" s="27"/>
      <c r="E35" s="27"/>
      <c r="F35" s="27"/>
      <c r="G35" s="27"/>
      <c r="H35" s="27"/>
      <c r="I35" s="27"/>
    </row>
    <row r="36" spans="1:9" s="16" customFormat="1" ht="18.75">
      <c r="A36" s="32"/>
      <c r="B36" s="32"/>
      <c r="C36" s="32"/>
      <c r="D36" s="27"/>
      <c r="E36" s="27"/>
      <c r="F36" s="27"/>
      <c r="G36" s="27"/>
      <c r="H36" s="27"/>
      <c r="I36" s="27"/>
    </row>
    <row r="37" spans="1:9">
      <c r="A37" s="25">
        <v>3</v>
      </c>
      <c r="B37" s="312" t="s">
        <v>3</v>
      </c>
      <c r="C37" s="298"/>
      <c r="D37" s="298"/>
      <c r="E37" s="298"/>
      <c r="F37" s="298"/>
      <c r="G37" s="298"/>
      <c r="H37" s="298"/>
      <c r="I37" s="298"/>
    </row>
    <row r="38" spans="1:9">
      <c r="A38" s="22"/>
      <c r="B38" s="324" t="s">
        <v>24</v>
      </c>
      <c r="C38" s="325"/>
      <c r="D38" s="325"/>
      <c r="E38" s="325"/>
      <c r="F38" s="26"/>
      <c r="G38" s="298"/>
      <c r="H38" s="298"/>
      <c r="I38" s="298"/>
    </row>
    <row r="39" spans="1:9">
      <c r="A39" s="22"/>
      <c r="B39" s="297"/>
      <c r="C39" s="298"/>
      <c r="D39" s="298"/>
      <c r="E39" s="298"/>
      <c r="F39" s="26"/>
      <c r="G39" s="298"/>
      <c r="H39" s="298"/>
      <c r="I39" s="298"/>
    </row>
    <row r="40" spans="1:9">
      <c r="A40" s="22">
        <v>3</v>
      </c>
      <c r="B40" s="312" t="s">
        <v>41</v>
      </c>
      <c r="C40" s="298"/>
      <c r="D40" s="298"/>
      <c r="E40" s="298"/>
      <c r="F40" s="26"/>
      <c r="G40" s="298"/>
      <c r="H40" s="298"/>
      <c r="I40" s="298"/>
    </row>
    <row r="41" spans="1:9">
      <c r="A41" s="22"/>
      <c r="B41" s="297" t="s">
        <v>84</v>
      </c>
      <c r="C41" s="298"/>
      <c r="D41" s="298"/>
      <c r="E41" s="298"/>
      <c r="F41" s="26"/>
      <c r="G41" s="298"/>
      <c r="H41" s="298"/>
      <c r="I41" s="298"/>
    </row>
    <row r="42" spans="1:9">
      <c r="A42" s="22"/>
      <c r="B42" s="297"/>
      <c r="C42" s="298"/>
      <c r="D42" s="298"/>
      <c r="E42" s="298"/>
      <c r="F42" s="26"/>
      <c r="G42" s="298"/>
      <c r="H42" s="298"/>
      <c r="I42" s="298"/>
    </row>
    <row r="43" spans="1:9">
      <c r="A43" s="22">
        <v>3</v>
      </c>
      <c r="B43" s="312" t="s">
        <v>42</v>
      </c>
      <c r="C43" s="298"/>
      <c r="D43" s="298"/>
      <c r="E43" s="298"/>
      <c r="F43" s="26"/>
      <c r="G43" s="298"/>
      <c r="H43" s="298"/>
      <c r="I43" s="298"/>
    </row>
    <row r="44" spans="1:9">
      <c r="A44" s="22"/>
      <c r="B44" s="297" t="s">
        <v>85</v>
      </c>
      <c r="C44" s="298"/>
      <c r="D44" s="298"/>
      <c r="E44" s="298"/>
      <c r="F44" s="26"/>
      <c r="G44" s="298"/>
      <c r="H44" s="298"/>
      <c r="I44" s="298"/>
    </row>
    <row r="45" spans="1:9">
      <c r="A45" s="22"/>
      <c r="B45" s="297"/>
      <c r="C45" s="298"/>
      <c r="D45" s="298"/>
      <c r="E45" s="298"/>
      <c r="F45" s="26"/>
      <c r="G45" s="298"/>
      <c r="H45" s="298"/>
      <c r="I45" s="298"/>
    </row>
    <row r="46" spans="1:9">
      <c r="A46" s="25">
        <v>3</v>
      </c>
      <c r="B46" s="312" t="s">
        <v>14</v>
      </c>
      <c r="C46" s="298"/>
      <c r="D46" s="298"/>
      <c r="E46" s="298"/>
      <c r="F46" s="298"/>
      <c r="G46" s="298"/>
      <c r="H46" s="298"/>
      <c r="I46" s="298"/>
    </row>
    <row r="47" spans="1:9">
      <c r="A47" s="22"/>
      <c r="B47" s="324" t="s">
        <v>25</v>
      </c>
      <c r="C47" s="325"/>
      <c r="D47" s="298"/>
      <c r="E47" s="298"/>
      <c r="F47" s="298"/>
      <c r="G47" s="298"/>
      <c r="H47" s="298"/>
      <c r="I47" s="298"/>
    </row>
    <row r="48" spans="1:9">
      <c r="A48" s="22"/>
      <c r="B48" s="297"/>
      <c r="C48" s="298"/>
      <c r="D48" s="298"/>
      <c r="E48" s="298"/>
      <c r="F48" s="298"/>
      <c r="G48" s="298"/>
      <c r="H48" s="298"/>
      <c r="I48" s="298"/>
    </row>
    <row r="49" spans="1:9">
      <c r="A49" s="22">
        <v>3</v>
      </c>
      <c r="B49" s="312" t="s">
        <v>43</v>
      </c>
      <c r="C49" s="298"/>
      <c r="D49" s="298"/>
      <c r="E49" s="298"/>
      <c r="F49" s="298"/>
      <c r="G49" s="298"/>
      <c r="H49" s="298"/>
      <c r="I49" s="298"/>
    </row>
    <row r="50" spans="1:9">
      <c r="A50" s="22"/>
      <c r="B50" s="297" t="s">
        <v>86</v>
      </c>
      <c r="C50" s="298"/>
      <c r="D50" s="298"/>
      <c r="E50" s="298"/>
      <c r="F50" s="298"/>
      <c r="G50" s="298"/>
      <c r="H50" s="298"/>
      <c r="I50" s="298"/>
    </row>
    <row r="51" spans="1:9" ht="21">
      <c r="A51" s="29"/>
      <c r="B51" s="298"/>
      <c r="C51" s="298"/>
      <c r="D51" s="298"/>
      <c r="E51" s="298"/>
      <c r="F51" s="298"/>
      <c r="G51" s="298"/>
      <c r="H51" s="298"/>
      <c r="I51" s="298"/>
    </row>
    <row r="52" spans="1:9" s="16" customFormat="1" ht="18.75">
      <c r="A52" s="310" t="s">
        <v>48</v>
      </c>
      <c r="B52" s="32"/>
      <c r="C52" s="32"/>
      <c r="D52" s="27"/>
      <c r="E52" s="27"/>
      <c r="F52" s="27"/>
      <c r="G52" s="27"/>
      <c r="H52" s="27"/>
      <c r="I52" s="27"/>
    </row>
    <row r="53" spans="1:9" s="16" customFormat="1" ht="18.75">
      <c r="A53" s="32"/>
      <c r="B53" s="32"/>
      <c r="C53" s="32"/>
      <c r="D53" s="27"/>
      <c r="E53" s="27"/>
      <c r="F53" s="27"/>
      <c r="G53" s="27"/>
      <c r="H53" s="27"/>
      <c r="I53" s="27"/>
    </row>
    <row r="54" spans="1:9">
      <c r="A54" s="25">
        <v>4</v>
      </c>
      <c r="B54" s="311" t="s">
        <v>6</v>
      </c>
      <c r="C54" s="298"/>
      <c r="D54" s="298"/>
      <c r="E54" s="298"/>
      <c r="F54" s="298"/>
      <c r="G54" s="298"/>
      <c r="H54" s="298"/>
      <c r="I54" s="298"/>
    </row>
    <row r="55" spans="1:9">
      <c r="A55" s="22"/>
      <c r="B55" s="324" t="s">
        <v>23</v>
      </c>
      <c r="C55" s="325"/>
      <c r="D55" s="325"/>
      <c r="E55" s="298"/>
      <c r="F55" s="298"/>
      <c r="G55" s="298"/>
      <c r="H55" s="298"/>
      <c r="I55" s="298"/>
    </row>
    <row r="56" spans="1:9">
      <c r="A56" s="22"/>
      <c r="B56" s="324" t="s">
        <v>35</v>
      </c>
      <c r="C56" s="325"/>
      <c r="D56" s="325"/>
      <c r="E56" s="298"/>
      <c r="F56" s="298"/>
      <c r="G56" s="298"/>
      <c r="H56" s="298"/>
      <c r="I56" s="298"/>
    </row>
    <row r="57" spans="1:9" ht="21">
      <c r="A57" s="29"/>
      <c r="B57" s="298"/>
      <c r="C57" s="298"/>
      <c r="D57" s="298"/>
      <c r="E57" s="298"/>
      <c r="F57" s="298"/>
      <c r="G57" s="298"/>
      <c r="H57" s="298"/>
      <c r="I57" s="298"/>
    </row>
    <row r="58" spans="1:9">
      <c r="A58" s="25">
        <v>4</v>
      </c>
      <c r="B58" s="312" t="s">
        <v>374</v>
      </c>
      <c r="C58" s="298"/>
      <c r="D58" s="298"/>
      <c r="E58" s="298"/>
      <c r="F58" s="298"/>
      <c r="G58" s="298"/>
      <c r="H58" s="298"/>
      <c r="I58" s="298"/>
    </row>
    <row r="59" spans="1:9">
      <c r="A59" s="22"/>
      <c r="B59" s="324" t="s">
        <v>387</v>
      </c>
      <c r="C59" s="325"/>
      <c r="D59" s="298"/>
      <c r="E59" s="298"/>
      <c r="F59" s="298"/>
      <c r="G59" s="298"/>
      <c r="H59" s="298"/>
      <c r="I59" s="298"/>
    </row>
    <row r="60" spans="1:9">
      <c r="A60" s="22"/>
      <c r="B60" s="324" t="s">
        <v>388</v>
      </c>
      <c r="C60" s="325"/>
      <c r="D60" s="325"/>
      <c r="E60" s="325"/>
      <c r="F60" s="298"/>
      <c r="G60" s="298"/>
      <c r="H60" s="298"/>
      <c r="I60" s="298"/>
    </row>
    <row r="61" spans="1:9" ht="21">
      <c r="A61" s="29"/>
      <c r="B61" s="298"/>
      <c r="C61" s="298"/>
      <c r="D61" s="298"/>
      <c r="E61" s="298"/>
      <c r="F61" s="298"/>
      <c r="G61" s="298"/>
      <c r="H61" s="298"/>
      <c r="I61" s="298"/>
    </row>
    <row r="62" spans="1:9">
      <c r="A62" s="25">
        <v>4</v>
      </c>
      <c r="B62" s="312" t="s">
        <v>44</v>
      </c>
      <c r="C62" s="298"/>
      <c r="D62" s="298"/>
      <c r="E62" s="298"/>
      <c r="F62" s="298"/>
      <c r="G62" s="298"/>
      <c r="H62" s="298"/>
      <c r="I62" s="298"/>
    </row>
    <row r="63" spans="1:9">
      <c r="A63" s="22"/>
      <c r="B63" s="324" t="s">
        <v>87</v>
      </c>
      <c r="C63" s="325"/>
      <c r="D63" s="325"/>
      <c r="E63" s="325"/>
      <c r="F63" s="26"/>
      <c r="G63" s="298"/>
      <c r="H63" s="298"/>
      <c r="I63" s="298"/>
    </row>
    <row r="64" spans="1:9">
      <c r="A64" s="22"/>
      <c r="B64" s="324"/>
      <c r="C64" s="325"/>
      <c r="D64" s="325"/>
      <c r="E64" s="325"/>
      <c r="F64" s="298"/>
      <c r="G64" s="26"/>
      <c r="H64" s="298"/>
      <c r="I64" s="298"/>
    </row>
    <row r="65" spans="1:9">
      <c r="A65" s="22">
        <v>4</v>
      </c>
      <c r="B65" s="312" t="s">
        <v>45</v>
      </c>
      <c r="C65" s="298"/>
      <c r="D65" s="298"/>
      <c r="E65" s="298"/>
      <c r="F65" s="298"/>
      <c r="G65" s="26"/>
      <c r="H65" s="298"/>
      <c r="I65" s="298"/>
    </row>
    <row r="66" spans="1:9">
      <c r="A66" s="22"/>
      <c r="B66" s="297" t="s">
        <v>88</v>
      </c>
      <c r="C66" s="298"/>
      <c r="D66" s="298"/>
      <c r="E66" s="298"/>
      <c r="F66" s="298"/>
      <c r="G66" s="26"/>
      <c r="H66" s="298"/>
      <c r="I66" s="298"/>
    </row>
    <row r="67" spans="1:9">
      <c r="A67" s="22"/>
      <c r="B67" s="297"/>
      <c r="C67" s="298"/>
      <c r="D67" s="298"/>
      <c r="E67" s="298"/>
      <c r="F67" s="298"/>
      <c r="G67" s="26"/>
      <c r="H67" s="298"/>
      <c r="I67" s="298"/>
    </row>
    <row r="68" spans="1:9">
      <c r="A68" s="25">
        <v>4</v>
      </c>
      <c r="B68" s="312" t="s">
        <v>7</v>
      </c>
      <c r="C68" s="298"/>
      <c r="D68" s="298"/>
      <c r="E68" s="298"/>
      <c r="F68" s="298"/>
      <c r="G68" s="298"/>
      <c r="H68" s="298"/>
      <c r="I68" s="298"/>
    </row>
    <row r="69" spans="1:9">
      <c r="A69" s="22"/>
      <c r="B69" s="324" t="s">
        <v>26</v>
      </c>
      <c r="C69" s="325"/>
      <c r="D69" s="325"/>
      <c r="E69" s="298"/>
      <c r="F69" s="298"/>
      <c r="G69" s="298"/>
      <c r="H69" s="298"/>
      <c r="I69" s="298"/>
    </row>
    <row r="70" spans="1:9">
      <c r="A70" s="22"/>
      <c r="B70" s="324"/>
      <c r="C70" s="325"/>
      <c r="D70" s="325"/>
      <c r="E70" s="298"/>
      <c r="F70" s="298"/>
      <c r="G70" s="298"/>
      <c r="H70" s="298"/>
      <c r="I70" s="298"/>
    </row>
    <row r="71" spans="1:9">
      <c r="A71" s="22">
        <v>4</v>
      </c>
      <c r="B71" s="312" t="s">
        <v>46</v>
      </c>
      <c r="C71" s="298"/>
      <c r="D71" s="298"/>
      <c r="E71" s="298"/>
      <c r="F71" s="298"/>
      <c r="G71" s="298"/>
      <c r="H71" s="298"/>
      <c r="I71" s="298"/>
    </row>
    <row r="72" spans="1:9">
      <c r="A72" s="22"/>
      <c r="B72" s="297" t="s">
        <v>89</v>
      </c>
      <c r="C72" s="298"/>
      <c r="D72" s="298"/>
      <c r="E72" s="298"/>
      <c r="F72" s="298"/>
      <c r="G72" s="298"/>
      <c r="H72" s="298"/>
      <c r="I72" s="298"/>
    </row>
    <row r="73" spans="1:9">
      <c r="A73" s="22"/>
      <c r="B73" s="297"/>
      <c r="C73" s="298"/>
      <c r="D73" s="298"/>
      <c r="E73" s="298"/>
      <c r="F73" s="298"/>
      <c r="G73" s="298"/>
      <c r="H73" s="298"/>
      <c r="I73" s="298"/>
    </row>
    <row r="74" spans="1:9">
      <c r="A74" s="313" t="s">
        <v>90</v>
      </c>
      <c r="B74" s="297"/>
      <c r="C74" s="298"/>
      <c r="D74" s="298"/>
      <c r="E74" s="298"/>
      <c r="F74" s="298"/>
      <c r="G74" s="298"/>
      <c r="H74" s="298"/>
      <c r="I74" s="298"/>
    </row>
    <row r="75" spans="1:9">
      <c r="A75" s="22"/>
      <c r="B75" s="297"/>
      <c r="C75" s="298"/>
      <c r="D75" s="298"/>
      <c r="E75" s="298"/>
      <c r="F75" s="298"/>
      <c r="G75" s="298"/>
      <c r="H75" s="298"/>
      <c r="I75" s="298"/>
    </row>
    <row r="76" spans="1:9">
      <c r="A76" s="25">
        <v>5</v>
      </c>
      <c r="B76" s="312" t="s">
        <v>15</v>
      </c>
      <c r="C76" s="298"/>
      <c r="D76" s="298"/>
      <c r="E76" s="298"/>
      <c r="F76" s="298"/>
      <c r="G76" s="298"/>
      <c r="H76" s="298"/>
      <c r="I76" s="298"/>
    </row>
    <row r="77" spans="1:9">
      <c r="A77" s="22"/>
      <c r="B77" s="324" t="s">
        <v>27</v>
      </c>
      <c r="C77" s="325"/>
      <c r="D77" s="325"/>
      <c r="E77" s="298"/>
      <c r="F77" s="298"/>
      <c r="G77" s="298"/>
      <c r="H77" s="298"/>
      <c r="I77" s="298"/>
    </row>
    <row r="78" spans="1:9">
      <c r="A78" s="22"/>
      <c r="B78" s="297"/>
      <c r="C78" s="298"/>
      <c r="D78" s="298"/>
      <c r="E78" s="298"/>
      <c r="F78" s="298"/>
      <c r="G78" s="298"/>
      <c r="H78" s="298"/>
      <c r="I78" s="298"/>
    </row>
    <row r="79" spans="1:9">
      <c r="A79" s="22">
        <v>5</v>
      </c>
      <c r="B79" s="312" t="s">
        <v>50</v>
      </c>
      <c r="C79" s="298"/>
      <c r="D79" s="298"/>
      <c r="E79" s="298"/>
      <c r="F79" s="298"/>
      <c r="G79" s="298"/>
      <c r="H79" s="298"/>
      <c r="I79" s="298"/>
    </row>
    <row r="80" spans="1:9">
      <c r="A80" s="22"/>
      <c r="B80" s="297" t="s">
        <v>91</v>
      </c>
      <c r="C80" s="298"/>
      <c r="D80" s="298"/>
      <c r="E80" s="298"/>
      <c r="F80" s="298"/>
      <c r="G80" s="298"/>
      <c r="H80" s="298"/>
      <c r="I80" s="298"/>
    </row>
    <row r="81" spans="1:9">
      <c r="A81" s="22"/>
      <c r="B81" s="298"/>
      <c r="C81" s="298"/>
      <c r="D81" s="298"/>
      <c r="E81" s="298"/>
      <c r="F81" s="298"/>
      <c r="G81" s="298"/>
      <c r="H81" s="298"/>
      <c r="I81" s="298"/>
    </row>
    <row r="82" spans="1:9">
      <c r="A82" s="25">
        <v>5</v>
      </c>
      <c r="B82" s="312" t="s">
        <v>51</v>
      </c>
      <c r="C82" s="298"/>
      <c r="D82" s="298"/>
      <c r="E82" s="298"/>
      <c r="F82" s="298"/>
      <c r="G82" s="298"/>
      <c r="H82" s="298"/>
      <c r="I82" s="298"/>
    </row>
    <row r="83" spans="1:9">
      <c r="A83" s="22"/>
      <c r="B83" s="324" t="s">
        <v>92</v>
      </c>
      <c r="C83" s="325"/>
      <c r="D83" s="325"/>
      <c r="E83" s="298"/>
      <c r="F83" s="298"/>
      <c r="G83" s="298"/>
      <c r="H83" s="298"/>
      <c r="I83" s="298"/>
    </row>
    <row r="84" spans="1:9">
      <c r="A84" s="22"/>
      <c r="B84" s="324"/>
      <c r="C84" s="325"/>
      <c r="D84" s="325"/>
      <c r="E84" s="298"/>
      <c r="F84" s="298"/>
      <c r="G84" s="298"/>
      <c r="H84" s="298"/>
      <c r="I84" s="298"/>
    </row>
    <row r="85" spans="1:9">
      <c r="A85" s="22">
        <v>5</v>
      </c>
      <c r="B85" s="312" t="s">
        <v>52</v>
      </c>
      <c r="C85" s="298"/>
      <c r="D85" s="298"/>
      <c r="E85" s="298"/>
      <c r="F85" s="298"/>
      <c r="G85" s="298"/>
      <c r="H85" s="298"/>
      <c r="I85" s="298"/>
    </row>
    <row r="86" spans="1:9">
      <c r="A86" s="22"/>
      <c r="B86" s="297" t="s">
        <v>93</v>
      </c>
      <c r="C86" s="298"/>
      <c r="D86" s="298"/>
      <c r="E86" s="298"/>
      <c r="F86" s="298"/>
      <c r="G86" s="298"/>
      <c r="H86" s="298"/>
      <c r="I86" s="298"/>
    </row>
    <row r="87" spans="1:9">
      <c r="A87" s="22"/>
      <c r="B87" s="297"/>
      <c r="C87" s="298"/>
      <c r="D87" s="298"/>
      <c r="E87" s="298"/>
      <c r="F87" s="298"/>
      <c r="G87" s="298"/>
      <c r="H87" s="298"/>
      <c r="I87" s="298"/>
    </row>
    <row r="88" spans="1:9">
      <c r="A88" s="313" t="s">
        <v>53</v>
      </c>
      <c r="B88" s="297"/>
      <c r="C88" s="298"/>
      <c r="D88" s="298"/>
      <c r="E88" s="298"/>
      <c r="F88" s="298"/>
      <c r="G88" s="298"/>
      <c r="H88" s="298"/>
      <c r="I88" s="298"/>
    </row>
    <row r="89" spans="1:9">
      <c r="A89" s="22"/>
      <c r="B89" s="297"/>
      <c r="C89" s="298"/>
      <c r="D89" s="298"/>
      <c r="E89" s="298"/>
      <c r="F89" s="298"/>
      <c r="G89" s="298"/>
      <c r="H89" s="298"/>
      <c r="I89" s="298"/>
    </row>
    <row r="90" spans="1:9">
      <c r="A90" s="25">
        <v>6</v>
      </c>
      <c r="B90" s="312" t="s">
        <v>16</v>
      </c>
      <c r="C90" s="298"/>
      <c r="D90" s="298"/>
      <c r="E90" s="298"/>
      <c r="F90" s="298"/>
      <c r="G90" s="298"/>
      <c r="H90" s="298"/>
      <c r="I90" s="298"/>
    </row>
    <row r="91" spans="1:9">
      <c r="A91" s="22"/>
      <c r="B91" s="324" t="s">
        <v>28</v>
      </c>
      <c r="C91" s="325"/>
      <c r="D91" s="325"/>
      <c r="E91" s="298"/>
      <c r="F91" s="298"/>
      <c r="G91" s="298"/>
      <c r="H91" s="298"/>
      <c r="I91" s="298"/>
    </row>
    <row r="92" spans="1:9">
      <c r="A92" s="22"/>
      <c r="B92" s="324"/>
      <c r="C92" s="325"/>
      <c r="D92" s="325"/>
      <c r="E92" s="298"/>
      <c r="F92" s="298"/>
      <c r="G92" s="298"/>
      <c r="H92" s="298"/>
      <c r="I92" s="298"/>
    </row>
    <row r="93" spans="1:9">
      <c r="A93" s="22">
        <v>6</v>
      </c>
      <c r="B93" s="312" t="s">
        <v>54</v>
      </c>
      <c r="C93" s="298"/>
      <c r="D93" s="298"/>
      <c r="E93" s="298"/>
      <c r="F93" s="298"/>
      <c r="G93" s="298"/>
      <c r="H93" s="298"/>
      <c r="I93" s="298"/>
    </row>
    <row r="94" spans="1:9">
      <c r="A94" s="22"/>
      <c r="B94" s="297" t="s">
        <v>94</v>
      </c>
      <c r="C94" s="298"/>
      <c r="D94" s="298"/>
      <c r="E94" s="298"/>
      <c r="F94" s="298"/>
      <c r="G94" s="298"/>
      <c r="H94" s="298"/>
      <c r="I94" s="298"/>
    </row>
    <row r="95" spans="1:9">
      <c r="A95" s="22"/>
      <c r="B95" s="298"/>
      <c r="C95" s="298"/>
      <c r="D95" s="298"/>
      <c r="E95" s="298"/>
      <c r="F95" s="298"/>
      <c r="G95" s="298"/>
      <c r="H95" s="298"/>
      <c r="I95" s="298"/>
    </row>
    <row r="96" spans="1:9">
      <c r="A96" s="25">
        <v>6</v>
      </c>
      <c r="B96" s="312" t="s">
        <v>95</v>
      </c>
      <c r="C96" s="298"/>
      <c r="D96" s="298"/>
      <c r="E96" s="298"/>
      <c r="F96" s="298"/>
      <c r="G96" s="298"/>
      <c r="H96" s="298"/>
      <c r="I96" s="298"/>
    </row>
    <row r="97" spans="1:9">
      <c r="A97" s="22"/>
      <c r="B97" s="324" t="s">
        <v>29</v>
      </c>
      <c r="C97" s="325"/>
      <c r="D97" s="325"/>
      <c r="E97" s="298"/>
      <c r="F97" s="298"/>
      <c r="G97" s="298"/>
      <c r="H97" s="298"/>
      <c r="I97" s="298"/>
    </row>
    <row r="98" spans="1:9">
      <c r="A98" s="22"/>
      <c r="B98" s="324"/>
      <c r="C98" s="325"/>
      <c r="D98" s="325"/>
      <c r="E98" s="298"/>
      <c r="F98" s="298"/>
      <c r="G98" s="298"/>
      <c r="H98" s="298"/>
      <c r="I98" s="298"/>
    </row>
    <row r="99" spans="1:9">
      <c r="A99" s="22">
        <v>6</v>
      </c>
      <c r="B99" s="312" t="s">
        <v>56</v>
      </c>
      <c r="C99" s="298"/>
      <c r="D99" s="298"/>
      <c r="E99" s="298"/>
      <c r="F99" s="298"/>
      <c r="G99" s="298"/>
      <c r="H99" s="298"/>
      <c r="I99" s="298"/>
    </row>
    <row r="100" spans="1:9">
      <c r="A100" s="22"/>
      <c r="B100" s="297" t="s">
        <v>96</v>
      </c>
      <c r="C100" s="298"/>
      <c r="D100" s="298"/>
      <c r="E100" s="298"/>
      <c r="F100" s="298"/>
      <c r="G100" s="298"/>
      <c r="H100" s="298"/>
      <c r="I100" s="298"/>
    </row>
    <row r="101" spans="1:9">
      <c r="A101" s="22"/>
      <c r="B101" s="297"/>
      <c r="C101" s="298"/>
      <c r="D101" s="298"/>
      <c r="E101" s="298"/>
      <c r="F101" s="298"/>
      <c r="G101" s="298"/>
      <c r="H101" s="298"/>
      <c r="I101" s="298"/>
    </row>
    <row r="102" spans="1:9">
      <c r="A102" s="22">
        <v>6</v>
      </c>
      <c r="B102" s="311" t="s">
        <v>34</v>
      </c>
      <c r="C102" s="298"/>
      <c r="D102" s="298"/>
      <c r="E102" s="298"/>
      <c r="F102" s="298"/>
      <c r="G102" s="298"/>
      <c r="H102" s="298"/>
      <c r="I102" s="298"/>
    </row>
    <row r="103" spans="1:9">
      <c r="A103" s="25"/>
      <c r="B103" s="298" t="s">
        <v>97</v>
      </c>
      <c r="C103" s="298"/>
      <c r="D103" s="298"/>
      <c r="E103" s="298"/>
      <c r="F103" s="298"/>
      <c r="G103" s="298"/>
      <c r="H103" s="298"/>
      <c r="I103" s="298"/>
    </row>
    <row r="104" spans="1:9">
      <c r="A104" s="22"/>
      <c r="B104" s="324"/>
      <c r="C104" s="325"/>
      <c r="D104" s="325"/>
      <c r="E104" s="298"/>
      <c r="F104" s="298"/>
      <c r="G104" s="298"/>
      <c r="H104" s="298"/>
      <c r="I104" s="298"/>
    </row>
    <row r="105" spans="1:9">
      <c r="A105" s="22">
        <v>6</v>
      </c>
      <c r="B105" s="312" t="s">
        <v>17</v>
      </c>
      <c r="C105" s="298"/>
      <c r="D105" s="298"/>
      <c r="E105" s="298"/>
      <c r="F105" s="298"/>
      <c r="G105" s="298"/>
      <c r="H105" s="298"/>
      <c r="I105" s="298"/>
    </row>
    <row r="106" spans="1:9">
      <c r="A106" s="31"/>
      <c r="B106" s="324" t="s">
        <v>18</v>
      </c>
      <c r="C106" s="325"/>
      <c r="D106" s="325"/>
      <c r="E106" s="298"/>
      <c r="F106" s="298"/>
      <c r="G106" s="298"/>
      <c r="H106" s="298"/>
      <c r="I106" s="298"/>
    </row>
    <row r="107" spans="1:9">
      <c r="A107" s="31"/>
      <c r="B107" s="297"/>
      <c r="C107" s="298"/>
      <c r="D107" s="298"/>
      <c r="E107" s="298"/>
      <c r="F107" s="298"/>
      <c r="G107" s="298"/>
      <c r="H107" s="298"/>
      <c r="I107" s="298"/>
    </row>
    <row r="108" spans="1:9">
      <c r="A108" s="22">
        <v>6</v>
      </c>
      <c r="B108" s="312" t="s">
        <v>57</v>
      </c>
      <c r="C108" s="298"/>
      <c r="D108" s="298"/>
      <c r="E108" s="298"/>
      <c r="F108" s="298"/>
      <c r="G108" s="298"/>
      <c r="H108" s="298"/>
      <c r="I108" s="298"/>
    </row>
    <row r="109" spans="1:9">
      <c r="A109" s="31"/>
      <c r="B109" s="297" t="s">
        <v>98</v>
      </c>
      <c r="C109" s="298"/>
      <c r="D109" s="298"/>
      <c r="E109" s="298"/>
      <c r="F109" s="298"/>
      <c r="G109" s="298"/>
      <c r="H109" s="298"/>
      <c r="I109" s="298"/>
    </row>
    <row r="110" spans="1:9">
      <c r="A110" s="31"/>
      <c r="B110" s="297"/>
      <c r="C110" s="298"/>
      <c r="D110" s="298"/>
      <c r="E110" s="298"/>
      <c r="F110" s="298"/>
      <c r="G110" s="298"/>
      <c r="H110" s="298"/>
      <c r="I110" s="298"/>
    </row>
    <row r="111" spans="1:9">
      <c r="A111" s="313" t="s">
        <v>59</v>
      </c>
      <c r="B111" s="34"/>
      <c r="C111" s="35"/>
      <c r="D111" s="35"/>
      <c r="E111" s="298"/>
      <c r="F111" s="298"/>
      <c r="G111" s="298"/>
      <c r="H111" s="298"/>
      <c r="I111" s="298"/>
    </row>
    <row r="112" spans="1:9">
      <c r="A112" s="31"/>
      <c r="B112" s="30"/>
      <c r="C112" s="298"/>
      <c r="D112" s="298"/>
      <c r="E112" s="298"/>
      <c r="F112" s="298"/>
      <c r="G112" s="298"/>
      <c r="H112" s="298"/>
      <c r="I112" s="298"/>
    </row>
    <row r="113" spans="1:9">
      <c r="A113" s="25">
        <v>7</v>
      </c>
      <c r="B113" s="312" t="s">
        <v>58</v>
      </c>
      <c r="C113" s="298"/>
      <c r="D113" s="298"/>
      <c r="E113" s="298"/>
      <c r="F113" s="298"/>
      <c r="G113" s="298"/>
      <c r="H113" s="298"/>
      <c r="I113" s="298"/>
    </row>
    <row r="114" spans="1:9">
      <c r="A114" s="31"/>
      <c r="B114" s="324" t="s">
        <v>99</v>
      </c>
      <c r="C114" s="325"/>
      <c r="D114" s="325"/>
      <c r="E114" s="298"/>
      <c r="F114" s="298"/>
      <c r="G114" s="298"/>
      <c r="H114" s="298"/>
      <c r="I114" s="298"/>
    </row>
    <row r="115" spans="1:9">
      <c r="A115" s="31"/>
      <c r="B115" s="324"/>
      <c r="C115" s="325"/>
      <c r="D115" s="325"/>
      <c r="E115" s="298"/>
      <c r="F115" s="298"/>
      <c r="G115" s="298"/>
      <c r="H115" s="298"/>
      <c r="I115" s="298"/>
    </row>
    <row r="116" spans="1:9">
      <c r="A116" s="25">
        <v>7</v>
      </c>
      <c r="B116" s="312" t="s">
        <v>60</v>
      </c>
      <c r="C116" s="298"/>
      <c r="D116" s="298"/>
      <c r="E116" s="298"/>
      <c r="F116" s="298"/>
      <c r="G116" s="298"/>
      <c r="H116" s="298"/>
      <c r="I116" s="298"/>
    </row>
    <row r="117" spans="1:9">
      <c r="A117" s="31"/>
      <c r="B117" s="297" t="s">
        <v>100</v>
      </c>
      <c r="C117" s="298"/>
      <c r="D117" s="298"/>
      <c r="E117" s="298"/>
      <c r="F117" s="298"/>
      <c r="G117" s="298"/>
      <c r="H117" s="298"/>
      <c r="I117" s="298"/>
    </row>
    <row r="118" spans="1:9">
      <c r="A118" s="31"/>
      <c r="B118" s="297"/>
      <c r="C118" s="298"/>
      <c r="D118" s="298"/>
      <c r="E118" s="298"/>
      <c r="F118" s="298"/>
      <c r="G118" s="298"/>
      <c r="H118" s="298"/>
      <c r="I118" s="298"/>
    </row>
    <row r="119" spans="1:9">
      <c r="A119" s="25">
        <v>7</v>
      </c>
      <c r="B119" s="312" t="s">
        <v>61</v>
      </c>
      <c r="C119" s="298"/>
      <c r="D119" s="298"/>
      <c r="E119" s="298"/>
      <c r="F119" s="298"/>
      <c r="G119" s="298"/>
      <c r="H119" s="298"/>
      <c r="I119" s="298"/>
    </row>
    <row r="120" spans="1:9">
      <c r="A120" s="31"/>
      <c r="B120" s="297" t="s">
        <v>101</v>
      </c>
      <c r="C120" s="298"/>
      <c r="D120" s="298"/>
      <c r="E120" s="298"/>
      <c r="F120" s="298"/>
      <c r="G120" s="298"/>
      <c r="H120" s="298"/>
      <c r="I120" s="298"/>
    </row>
    <row r="121" spans="1:9">
      <c r="A121" s="31"/>
      <c r="B121" s="297"/>
      <c r="C121" s="298"/>
      <c r="D121" s="298"/>
      <c r="E121" s="298"/>
      <c r="F121" s="298"/>
      <c r="G121" s="298"/>
      <c r="H121" s="298"/>
      <c r="I121" s="298"/>
    </row>
    <row r="122" spans="1:9">
      <c r="A122" s="25">
        <v>7</v>
      </c>
      <c r="B122" s="312" t="s">
        <v>62</v>
      </c>
      <c r="C122" s="298"/>
      <c r="D122" s="298"/>
      <c r="E122" s="298"/>
      <c r="F122" s="298"/>
      <c r="G122" s="298"/>
      <c r="H122" s="298"/>
      <c r="I122" s="298"/>
    </row>
    <row r="123" spans="1:9">
      <c r="A123" s="31"/>
      <c r="B123" s="297" t="s">
        <v>102</v>
      </c>
      <c r="C123" s="298"/>
      <c r="D123" s="298"/>
      <c r="E123" s="298"/>
      <c r="F123" s="298"/>
      <c r="G123" s="298"/>
      <c r="H123" s="298"/>
      <c r="I123" s="298"/>
    </row>
    <row r="124" spans="1:9">
      <c r="A124" s="31"/>
      <c r="B124" s="297"/>
      <c r="C124" s="298"/>
      <c r="D124" s="298"/>
      <c r="E124" s="298"/>
      <c r="F124" s="298"/>
      <c r="G124" s="298"/>
      <c r="H124" s="298"/>
      <c r="I124" s="298"/>
    </row>
    <row r="125" spans="1:9">
      <c r="A125" s="25">
        <v>7</v>
      </c>
      <c r="B125" s="312" t="s">
        <v>63</v>
      </c>
      <c r="C125" s="298"/>
      <c r="D125" s="298"/>
      <c r="E125" s="298"/>
      <c r="F125" s="298"/>
      <c r="G125" s="298"/>
      <c r="H125" s="298"/>
      <c r="I125" s="298"/>
    </row>
    <row r="126" spans="1:9">
      <c r="A126" s="31"/>
      <c r="B126" s="297" t="s">
        <v>103</v>
      </c>
      <c r="C126" s="298"/>
      <c r="D126" s="298"/>
      <c r="E126" s="298"/>
      <c r="F126" s="298"/>
      <c r="G126" s="298"/>
      <c r="H126" s="298"/>
      <c r="I126" s="298"/>
    </row>
    <row r="127" spans="1:9">
      <c r="A127" s="25"/>
      <c r="B127" s="297"/>
      <c r="C127" s="298"/>
      <c r="D127" s="298"/>
      <c r="E127" s="298"/>
      <c r="F127" s="298"/>
      <c r="G127" s="298"/>
      <c r="H127" s="298"/>
      <c r="I127" s="298"/>
    </row>
    <row r="128" spans="1:9">
      <c r="A128" s="25">
        <v>7</v>
      </c>
      <c r="B128" s="312" t="s">
        <v>64</v>
      </c>
      <c r="C128" s="298"/>
      <c r="D128" s="298"/>
      <c r="E128" s="298"/>
      <c r="F128" s="298"/>
      <c r="G128" s="298"/>
      <c r="H128" s="298"/>
      <c r="I128" s="298"/>
    </row>
    <row r="129" spans="1:9">
      <c r="A129" s="25"/>
      <c r="B129" s="297" t="s">
        <v>104</v>
      </c>
      <c r="C129" s="298"/>
      <c r="D129" s="298"/>
      <c r="E129" s="298"/>
      <c r="F129" s="298"/>
      <c r="G129" s="298"/>
      <c r="H129" s="298"/>
      <c r="I129" s="298"/>
    </row>
    <row r="130" spans="1:9">
      <c r="A130" s="25"/>
      <c r="B130" s="297"/>
      <c r="C130" s="298"/>
      <c r="D130" s="298"/>
      <c r="E130" s="298"/>
      <c r="F130" s="298"/>
      <c r="G130" s="298"/>
      <c r="H130" s="298"/>
      <c r="I130" s="298"/>
    </row>
    <row r="131" spans="1:9">
      <c r="A131" s="25">
        <v>7</v>
      </c>
      <c r="B131" s="312" t="s">
        <v>65</v>
      </c>
      <c r="C131" s="298"/>
      <c r="D131" s="298"/>
      <c r="E131" s="298"/>
      <c r="F131" s="298"/>
      <c r="G131" s="298"/>
      <c r="H131" s="298"/>
      <c r="I131" s="298"/>
    </row>
    <row r="132" spans="1:9">
      <c r="A132" s="25"/>
      <c r="B132" s="297" t="s">
        <v>105</v>
      </c>
      <c r="C132" s="298"/>
      <c r="D132" s="298"/>
      <c r="E132" s="298"/>
      <c r="F132" s="298"/>
      <c r="G132" s="298"/>
      <c r="H132" s="298"/>
      <c r="I132" s="298"/>
    </row>
    <row r="133" spans="1:9">
      <c r="A133" s="31"/>
      <c r="B133" s="297"/>
      <c r="C133" s="298"/>
      <c r="D133" s="298"/>
      <c r="E133" s="298"/>
      <c r="F133" s="298"/>
      <c r="G133" s="298"/>
      <c r="H133" s="298"/>
      <c r="I133" s="298"/>
    </row>
    <row r="134" spans="1:9">
      <c r="A134" s="25">
        <v>7</v>
      </c>
      <c r="B134" s="312" t="s">
        <v>66</v>
      </c>
      <c r="C134" s="298"/>
      <c r="D134" s="298"/>
      <c r="E134" s="298"/>
      <c r="F134" s="298"/>
      <c r="G134" s="298"/>
      <c r="H134" s="298"/>
      <c r="I134" s="298"/>
    </row>
    <row r="135" spans="1:9">
      <c r="A135" s="31"/>
      <c r="B135" s="297" t="s">
        <v>106</v>
      </c>
      <c r="C135" s="298"/>
      <c r="D135" s="298"/>
      <c r="E135" s="298"/>
      <c r="F135" s="298"/>
      <c r="G135" s="298"/>
      <c r="H135" s="298"/>
      <c r="I135" s="298"/>
    </row>
    <row r="136" spans="1:9">
      <c r="A136" s="31"/>
      <c r="B136" s="297"/>
      <c r="C136" s="298"/>
      <c r="D136" s="298"/>
      <c r="E136" s="298"/>
      <c r="F136" s="298"/>
      <c r="G136" s="298"/>
      <c r="H136" s="298"/>
      <c r="I136" s="298"/>
    </row>
    <row r="137" spans="1:9">
      <c r="A137" s="25">
        <v>7</v>
      </c>
      <c r="B137" s="312" t="s">
        <v>19</v>
      </c>
      <c r="C137" s="298"/>
      <c r="D137" s="298"/>
      <c r="E137" s="298"/>
      <c r="F137" s="298"/>
      <c r="G137" s="298"/>
      <c r="H137" s="298"/>
      <c r="I137" s="298"/>
    </row>
    <row r="138" spans="1:9">
      <c r="A138" s="31"/>
      <c r="B138" s="324" t="s">
        <v>30</v>
      </c>
      <c r="C138" s="325"/>
      <c r="D138" s="325"/>
      <c r="E138" s="298"/>
      <c r="F138" s="298"/>
      <c r="G138" s="298"/>
      <c r="H138" s="298"/>
      <c r="I138" s="298"/>
    </row>
    <row r="139" spans="1:9">
      <c r="A139" s="25"/>
      <c r="B139" s="297"/>
      <c r="C139" s="298"/>
      <c r="D139" s="298"/>
      <c r="E139" s="298"/>
      <c r="F139" s="298"/>
      <c r="G139" s="298"/>
      <c r="H139" s="298"/>
      <c r="I139" s="298"/>
    </row>
    <row r="140" spans="1:9">
      <c r="A140" s="25">
        <v>7</v>
      </c>
      <c r="B140" s="312" t="s">
        <v>107</v>
      </c>
      <c r="C140" s="298"/>
      <c r="D140" s="298"/>
      <c r="E140" s="298"/>
      <c r="F140" s="298"/>
      <c r="G140" s="298"/>
      <c r="H140" s="298"/>
      <c r="I140" s="298"/>
    </row>
    <row r="141" spans="1:9">
      <c r="A141" s="31"/>
      <c r="B141" s="297" t="s">
        <v>108</v>
      </c>
      <c r="C141" s="298"/>
      <c r="D141" s="298"/>
      <c r="E141" s="298"/>
      <c r="F141" s="298"/>
      <c r="G141" s="298"/>
      <c r="H141" s="298"/>
      <c r="I141" s="298"/>
    </row>
    <row r="142" spans="1:9">
      <c r="A142" s="31"/>
      <c r="B142" s="297"/>
      <c r="C142" s="298"/>
      <c r="D142" s="298"/>
      <c r="E142" s="298"/>
      <c r="F142" s="298"/>
      <c r="G142" s="298"/>
      <c r="H142" s="298"/>
      <c r="I142" s="298"/>
    </row>
    <row r="143" spans="1:9">
      <c r="A143" s="25">
        <v>7</v>
      </c>
      <c r="B143" s="310" t="s">
        <v>69</v>
      </c>
      <c r="C143" s="25"/>
      <c r="D143" s="25"/>
      <c r="E143" s="298"/>
      <c r="F143" s="298"/>
      <c r="G143" s="298"/>
      <c r="H143" s="298"/>
      <c r="I143" s="298"/>
    </row>
    <row r="144" spans="1:9">
      <c r="A144" s="25"/>
      <c r="B144" s="25" t="s">
        <v>31</v>
      </c>
      <c r="C144" s="25"/>
      <c r="D144" s="25"/>
      <c r="E144" s="298"/>
      <c r="F144" s="298"/>
      <c r="G144" s="298"/>
      <c r="H144" s="298"/>
      <c r="I144" s="298"/>
    </row>
    <row r="145" spans="1:9">
      <c r="A145" s="25"/>
      <c r="B145" s="25"/>
      <c r="C145" s="25"/>
      <c r="D145" s="25"/>
      <c r="E145" s="298"/>
      <c r="F145" s="298"/>
      <c r="G145" s="298"/>
      <c r="H145" s="298"/>
      <c r="I145" s="298"/>
    </row>
    <row r="146" spans="1:9">
      <c r="A146" s="25">
        <v>7</v>
      </c>
      <c r="B146" s="310" t="s">
        <v>70</v>
      </c>
      <c r="C146" s="25"/>
      <c r="D146" s="25"/>
      <c r="E146" s="298"/>
      <c r="F146" s="298"/>
      <c r="G146" s="298"/>
      <c r="H146" s="298"/>
      <c r="I146" s="298"/>
    </row>
    <row r="147" spans="1:9">
      <c r="A147" s="25"/>
      <c r="B147" s="25" t="s">
        <v>109</v>
      </c>
      <c r="C147" s="25"/>
      <c r="D147" s="25"/>
      <c r="E147" s="298"/>
      <c r="F147" s="298"/>
      <c r="G147" s="298"/>
      <c r="H147" s="298"/>
      <c r="I147" s="298"/>
    </row>
    <row r="148" spans="1:9">
      <c r="A148" s="31"/>
      <c r="B148" s="297"/>
      <c r="C148" s="298"/>
      <c r="D148" s="298"/>
      <c r="E148" s="298"/>
      <c r="F148" s="298"/>
      <c r="G148" s="298"/>
      <c r="H148" s="298"/>
      <c r="I148" s="298"/>
    </row>
    <row r="149" spans="1:9">
      <c r="A149" s="25">
        <v>7</v>
      </c>
      <c r="B149" s="310" t="s">
        <v>20</v>
      </c>
      <c r="C149" s="298"/>
      <c r="D149" s="298"/>
      <c r="E149" s="298"/>
      <c r="F149" s="298"/>
      <c r="G149" s="298"/>
      <c r="H149" s="298"/>
      <c r="I149" s="298"/>
    </row>
    <row r="150" spans="1:9">
      <c r="A150" s="31"/>
      <c r="B150" s="324" t="s">
        <v>32</v>
      </c>
      <c r="C150" s="325"/>
      <c r="D150" s="325"/>
      <c r="E150" s="298"/>
      <c r="F150" s="298"/>
      <c r="G150" s="298"/>
      <c r="H150" s="298"/>
      <c r="I150" s="298"/>
    </row>
    <row r="151" spans="1:9">
      <c r="A151" s="31"/>
      <c r="B151" s="297"/>
      <c r="C151" s="298"/>
      <c r="D151" s="298"/>
      <c r="E151" s="298"/>
      <c r="F151" s="298"/>
      <c r="G151" s="298"/>
      <c r="H151" s="298"/>
      <c r="I151" s="298"/>
    </row>
    <row r="152" spans="1:9">
      <c r="A152" s="25">
        <v>7</v>
      </c>
      <c r="B152" s="312" t="s">
        <v>71</v>
      </c>
      <c r="C152" s="298"/>
      <c r="D152" s="298"/>
      <c r="E152" s="298"/>
      <c r="F152" s="298"/>
      <c r="G152" s="298"/>
      <c r="H152" s="298"/>
      <c r="I152" s="298"/>
    </row>
    <row r="153" spans="1:9">
      <c r="A153" s="31"/>
      <c r="B153" s="25" t="s">
        <v>110</v>
      </c>
      <c r="C153" s="298"/>
      <c r="D153" s="298"/>
      <c r="E153" s="298"/>
      <c r="F153" s="298"/>
      <c r="G153" s="298"/>
      <c r="H153" s="298"/>
      <c r="I153" s="298"/>
    </row>
    <row r="154" spans="1:9">
      <c r="A154" s="31"/>
      <c r="B154" s="297"/>
      <c r="C154" s="298"/>
      <c r="D154" s="298"/>
      <c r="E154" s="298"/>
      <c r="F154" s="298"/>
      <c r="G154" s="298"/>
      <c r="H154" s="298"/>
      <c r="I154" s="298"/>
    </row>
    <row r="155" spans="1:9">
      <c r="A155" s="313" t="s">
        <v>72</v>
      </c>
      <c r="B155" s="34"/>
      <c r="C155" s="34"/>
      <c r="D155" s="34"/>
      <c r="E155" s="298"/>
      <c r="F155" s="298"/>
      <c r="G155" s="298"/>
      <c r="H155" s="298"/>
      <c r="I155" s="298"/>
    </row>
    <row r="156" spans="1:9">
      <c r="A156" s="31"/>
      <c r="B156" s="30"/>
      <c r="C156" s="298"/>
      <c r="D156" s="298"/>
      <c r="E156" s="298"/>
      <c r="F156" s="298"/>
      <c r="G156" s="298"/>
      <c r="H156" s="298"/>
      <c r="I156" s="298"/>
    </row>
    <row r="157" spans="1:9">
      <c r="A157" s="25">
        <v>8</v>
      </c>
      <c r="B157" s="312" t="s">
        <v>21</v>
      </c>
      <c r="C157" s="298"/>
      <c r="D157" s="298"/>
      <c r="E157" s="298"/>
      <c r="F157" s="298"/>
      <c r="G157" s="298"/>
      <c r="H157" s="298"/>
      <c r="I157" s="298"/>
    </row>
    <row r="158" spans="1:9">
      <c r="A158" s="31"/>
      <c r="B158" s="324" t="s">
        <v>33</v>
      </c>
      <c r="C158" s="325"/>
      <c r="D158" s="325"/>
      <c r="E158" s="298"/>
      <c r="F158" s="298"/>
      <c r="G158" s="298"/>
      <c r="H158" s="298"/>
      <c r="I158" s="298"/>
    </row>
    <row r="159" spans="1:9">
      <c r="A159" s="31"/>
      <c r="B159" s="324"/>
      <c r="C159" s="325"/>
      <c r="D159" s="325"/>
      <c r="E159" s="298"/>
      <c r="F159" s="298"/>
      <c r="G159" s="298"/>
      <c r="H159" s="298"/>
      <c r="I159" s="298"/>
    </row>
    <row r="160" spans="1:9">
      <c r="A160" s="22">
        <v>8</v>
      </c>
      <c r="B160" s="311" t="s">
        <v>73</v>
      </c>
      <c r="C160" s="298"/>
      <c r="D160" s="298"/>
      <c r="E160" s="298"/>
      <c r="F160" s="298"/>
      <c r="G160" s="298"/>
      <c r="H160" s="298"/>
      <c r="I160" s="298"/>
    </row>
    <row r="161" spans="1:9">
      <c r="A161" s="22"/>
      <c r="B161" s="25" t="s">
        <v>299</v>
      </c>
      <c r="C161" s="298"/>
      <c r="D161" s="298"/>
      <c r="E161" s="298"/>
      <c r="F161" s="298"/>
      <c r="G161" s="298"/>
      <c r="H161" s="298"/>
      <c r="I161" s="298"/>
    </row>
    <row r="162" spans="1:9">
      <c r="A162" s="22"/>
      <c r="B162" s="298"/>
      <c r="C162" s="298"/>
      <c r="D162" s="298"/>
      <c r="E162" s="298"/>
      <c r="F162" s="298"/>
      <c r="G162" s="298"/>
      <c r="H162" s="298"/>
      <c r="I162" s="298"/>
    </row>
    <row r="163" spans="1:9">
      <c r="A163" s="22"/>
      <c r="B163" s="298"/>
      <c r="C163" s="298"/>
      <c r="D163" s="298"/>
      <c r="E163" s="298"/>
      <c r="F163" s="298"/>
      <c r="G163" s="298"/>
      <c r="H163" s="298"/>
      <c r="I163" s="298"/>
    </row>
  </sheetData>
  <mergeCells count="31">
    <mergeCell ref="B159:D159"/>
    <mergeCell ref="B115:D115"/>
    <mergeCell ref="B106:D106"/>
    <mergeCell ref="B114:D114"/>
    <mergeCell ref="B150:D150"/>
    <mergeCell ref="B158:D158"/>
    <mergeCell ref="B138:D138"/>
    <mergeCell ref="A1:D1"/>
    <mergeCell ref="B22:G22"/>
    <mergeCell ref="B8:F8"/>
    <mergeCell ref="B55:D55"/>
    <mergeCell ref="B56:D56"/>
    <mergeCell ref="B38:E38"/>
    <mergeCell ref="B11:D11"/>
    <mergeCell ref="B25:G25"/>
    <mergeCell ref="A33:C33"/>
    <mergeCell ref="B47:C47"/>
    <mergeCell ref="B59:C59"/>
    <mergeCell ref="B97:D97"/>
    <mergeCell ref="B98:D98"/>
    <mergeCell ref="B77:D77"/>
    <mergeCell ref="B60:E60"/>
    <mergeCell ref="B104:D104"/>
    <mergeCell ref="B69:D69"/>
    <mergeCell ref="B84:D84"/>
    <mergeCell ref="B70:D70"/>
    <mergeCell ref="B63:E63"/>
    <mergeCell ref="B92:D92"/>
    <mergeCell ref="B83:D83"/>
    <mergeCell ref="B91:D91"/>
    <mergeCell ref="B64:E64"/>
  </mergeCells>
  <hyperlinks>
    <hyperlink ref="A37:B37" location="'02'!A29" display="'02'!A29"/>
    <hyperlink ref="A46:B46" location="'02'!A42" display="'02'!A42"/>
    <hyperlink ref="A62:B62" location="'02'!A55" display="'02'!A55"/>
    <hyperlink ref="A68:B68" location="'02'!A68" display="'02'!A68"/>
    <hyperlink ref="B21" location="'2 CommunityWellbeing'!A3" display="Community Wellbeing Index"/>
    <hyperlink ref="B7" location="'1 IndividualWellbeing'!A3" display="Global Life Satisfaction"/>
    <hyperlink ref="B54" location="'4 HumanCapital'!A3" display="General health"/>
    <hyperlink ref="B58" location="'4 HumanCapital'!A22" display="K10 psychological distress"/>
    <hyperlink ref="B37" location="'3 FinancialCapital'!A3" display="Household financial wellbeing"/>
    <hyperlink ref="B46" location="'3 FinancialCapital'!A60" display="Community economic wellbeing"/>
    <hyperlink ref="B62" location="'4 HumanCapital'!A41" display="Self-efficacy"/>
    <hyperlink ref="B68" location="'4 HumanCapital'!A79" display="Community leadership and collaboration"/>
    <hyperlink ref="A76:B76" location="'02'!A68" display="'02'!A68"/>
    <hyperlink ref="B76" location="'5 InstitutionalCapital'!A3" display="Having a say and being heard"/>
    <hyperlink ref="A82:B82" location="'02'!A68" display="'02'!A68"/>
    <hyperlink ref="B82" location="'5 InstitutionalCapital'!A41" display="Equity and inclusion"/>
    <hyperlink ref="A90:B90" location="'02'!A68" display="'02'!A68"/>
    <hyperlink ref="B90" location="'6 SocialCapital'!A3" display="Spending time with friends and family"/>
    <hyperlink ref="A96:B96" location="'02'!A68" display="'02'!A68"/>
    <hyperlink ref="B96" location="'6 SocialCapital'!A41" display="Getting involved "/>
    <hyperlink ref="B105" location="'6 SocialCapital'!A98" display="Sense of belonging"/>
    <hyperlink ref="A113:B113" location="'02'!A68" display="'02'!A68"/>
    <hyperlink ref="B113" location="'7 PhysicalCapital'!A3" display="Access to health, education, aged care and child care "/>
    <hyperlink ref="B137" location="'7 PhysicalCapital'!A155" display="Access to telecommunications"/>
    <hyperlink ref="B143" location="'7 PhysicalCapital'!A193" display="Crime and safety in the local community"/>
    <hyperlink ref="B149" location="'7 PhysicalCapital'!A231" display="Landscape and aesthetics"/>
    <hyperlink ref="B157" location="'8 NaturalCapital'!A3" display="Perceived environmental health"/>
    <hyperlink ref="B10" location="'1 IndividualWellbeing'!A22" display="Personal Wellbeing Index"/>
    <hyperlink ref="B24" location="'2 CommunityWellbeing'!A22" display="Community wellbeing measures"/>
    <hyperlink ref="B13" location="'1 IndividualWellbeing'!A41" display="Personal wellbeing domains"/>
    <hyperlink ref="B16" location="'1 IndividualWellbeing'!A60" display="Feeling life is worthwhile"/>
    <hyperlink ref="B27" location="'2 CommunityWellbeing'!A41" display="Changes in liveability"/>
    <hyperlink ref="B30" location="'2 CommunityWellbeing'!A60" display="Community reputation"/>
    <hyperlink ref="A5" location="'1 IndividualWellbeing'!A1" display="Wellbeing of people"/>
    <hyperlink ref="A19" location="'2 CommunityWellbeing'!A1" display="Wellbeing of communities"/>
    <hyperlink ref="A35" location="'3 FinancialCapital'!A1" display="Financial capital"/>
    <hyperlink ref="A52" location="'4 HumanCapital'!A1" display="Human capital"/>
    <hyperlink ref="B40" location="'3 FinancialCapital'!A22" display="Household financial measures"/>
    <hyperlink ref="B43" location="'3 FinancialCapital'!A41" display="Financial distress"/>
    <hyperlink ref="B49" location="'3 FinancialCapital'!A79" display="Community economic measures"/>
    <hyperlink ref="B65" location="'4 HumanCapital'!A60" display="Self-efficacy measures"/>
    <hyperlink ref="B71" location="'4 HumanCapital'!A98" display="Community leadership and collaboration measures"/>
    <hyperlink ref="A74" location="'5 InstitutionalCapital'!A1" display="Institutional Capital"/>
    <hyperlink ref="B79" location="'5 InstitutionalCapital'!A22" display="Having a say and being heard measures"/>
    <hyperlink ref="B85" location="'5 InstitutionalCapital'!A60" display="Equity and inclusion measures"/>
    <hyperlink ref="A88" location="'6 SocialCapital'!A1" display="Social capital"/>
    <hyperlink ref="B93" location="'6 SocialCapital'!A22" display="Spending time with friends and family measures"/>
    <hyperlink ref="B99" location="'6 SocialCapital'!A60" display="Getting involved measures"/>
    <hyperlink ref="B102" location="'6 SocialCapital'!A79" display="Volunteering"/>
    <hyperlink ref="B108" location="'6 SocialCapital'!A117" display="Sense of belonging measures"/>
    <hyperlink ref="A111" location="'7 PhysicalCapital'!A1" display="Physical capital"/>
    <hyperlink ref="B116" location="'7 PhysicalCapital'!A22" display="Access to health, education, aged care and child care measures"/>
    <hyperlink ref="B119" location="'7 PhysicalCapital'!A41" display="Access to roads and public transport "/>
    <hyperlink ref="B122" location="'7 PhysicalCapital'!A60" display="Access to roads and public transport measures"/>
    <hyperlink ref="B125" location="'7 PhysicalCapital'!A79" display="Access to food and retail shops"/>
    <hyperlink ref="B128" location="'7 PhysicalCapital'!A98" display="Access to food and retail shops measures"/>
    <hyperlink ref="B131" location="'7 PhysicalCapital'!A117" display="Access to financial and professional services"/>
    <hyperlink ref="B134" location="'7 PhysicalCapital'!A136" display="Access to financial and professional services measures"/>
    <hyperlink ref="B140" location="'7 PhysicalCapital'!A174" display="Access to telecommunications measures"/>
    <hyperlink ref="B146" location="'7 PhysicalCapital'!A212" display="Crime and safety in the local community measures"/>
    <hyperlink ref="B152" location="'7 PhysicalCapital'!A250" display="Landscape and aesthetics measures"/>
    <hyperlink ref="A155" location="'8 NaturalCapital'!A1" display="Natural capital"/>
    <hyperlink ref="B160" location="'8 NaturalCapital'!A22" display="Percieved environmental health measures"/>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77"/>
  <sheetViews>
    <sheetView zoomScale="90" zoomScaleNormal="90" zoomScalePageLayoutView="75" workbookViewId="0"/>
  </sheetViews>
  <sheetFormatPr defaultColWidth="20.28515625" defaultRowHeight="15"/>
  <cols>
    <col min="1" max="1" width="33.7109375" style="1" customWidth="1"/>
    <col min="2" max="4" width="20.28515625" style="1" customWidth="1"/>
    <col min="5" max="6" width="20.28515625" style="5" customWidth="1"/>
    <col min="7" max="16384" width="20.28515625" style="1"/>
  </cols>
  <sheetData>
    <row r="1" spans="1:4" ht="31.5">
      <c r="A1" s="33" t="s">
        <v>82</v>
      </c>
    </row>
    <row r="3" spans="1:4" ht="18.75">
      <c r="A3" s="329" t="s">
        <v>111</v>
      </c>
      <c r="B3" s="329"/>
      <c r="C3" s="329"/>
      <c r="D3" s="329"/>
    </row>
    <row r="4" spans="1:4" ht="63" customHeight="1">
      <c r="A4" s="330" t="s">
        <v>112</v>
      </c>
      <c r="B4" s="330"/>
      <c r="C4" s="330"/>
      <c r="D4" s="330"/>
    </row>
    <row r="5" spans="1:4" ht="33" customHeight="1">
      <c r="A5" s="328" t="s">
        <v>113</v>
      </c>
      <c r="B5" s="328"/>
      <c r="C5" s="328"/>
      <c r="D5" s="328"/>
    </row>
    <row r="6" spans="1:4" ht="45" customHeight="1">
      <c r="A6" s="37" t="s">
        <v>114</v>
      </c>
      <c r="B6" s="38" t="s">
        <v>115</v>
      </c>
      <c r="C6" s="39" t="s">
        <v>116</v>
      </c>
      <c r="D6" s="40" t="s">
        <v>117</v>
      </c>
    </row>
    <row r="7" spans="1:4" ht="60">
      <c r="A7" s="41"/>
      <c r="B7" s="42" t="s">
        <v>118</v>
      </c>
      <c r="C7" s="43" t="s">
        <v>119</v>
      </c>
      <c r="D7" s="44" t="s">
        <v>120</v>
      </c>
    </row>
    <row r="8" spans="1:4">
      <c r="A8" s="45" t="s">
        <v>444</v>
      </c>
      <c r="B8" s="46">
        <v>12259</v>
      </c>
      <c r="C8" s="47">
        <v>73.714322241801</v>
      </c>
      <c r="D8" s="48">
        <v>0.58191453775748414</v>
      </c>
    </row>
    <row r="9" spans="1:4">
      <c r="A9" s="49" t="s">
        <v>445</v>
      </c>
      <c r="B9" s="50">
        <v>999</v>
      </c>
      <c r="C9" s="51">
        <v>75.361934885488836</v>
      </c>
      <c r="D9" s="52">
        <v>1.0320338336444763</v>
      </c>
    </row>
    <row r="10" spans="1:4">
      <c r="A10" s="53" t="s">
        <v>446</v>
      </c>
      <c r="B10" s="54">
        <v>128</v>
      </c>
      <c r="C10" s="55">
        <v>74.391932918740878</v>
      </c>
      <c r="D10" s="56">
        <v>4.2001022853421599</v>
      </c>
    </row>
    <row r="11" spans="1:4">
      <c r="A11" s="49" t="s">
        <v>447</v>
      </c>
      <c r="B11" s="50">
        <v>68</v>
      </c>
      <c r="C11" s="51">
        <v>72.932663520904526</v>
      </c>
      <c r="D11" s="52">
        <v>6.6265833050139022</v>
      </c>
    </row>
    <row r="12" spans="1:4">
      <c r="A12" s="57" t="s">
        <v>448</v>
      </c>
      <c r="B12" s="46">
        <v>289</v>
      </c>
      <c r="C12" s="47">
        <v>75.611361859851783</v>
      </c>
      <c r="D12" s="48">
        <v>2.9409091156798706</v>
      </c>
    </row>
    <row r="13" spans="1:4">
      <c r="A13" s="49" t="s">
        <v>449</v>
      </c>
      <c r="B13" s="50">
        <v>306</v>
      </c>
      <c r="C13" s="51">
        <v>72.763691925942837</v>
      </c>
      <c r="D13" s="52">
        <v>4.6201396986541088</v>
      </c>
    </row>
    <row r="14" spans="1:4">
      <c r="A14" s="57" t="s">
        <v>450</v>
      </c>
      <c r="B14" s="46">
        <v>176</v>
      </c>
      <c r="C14" s="47">
        <v>73.122950103884449</v>
      </c>
      <c r="D14" s="48">
        <v>6.2079557472351343</v>
      </c>
    </row>
    <row r="15" spans="1:4">
      <c r="A15" s="5"/>
      <c r="B15" s="5"/>
      <c r="C15" s="5"/>
      <c r="D15" s="5"/>
    </row>
    <row r="16" spans="1:4">
      <c r="A16" s="5"/>
      <c r="B16" s="5"/>
      <c r="C16" s="5"/>
      <c r="D16" s="5"/>
    </row>
    <row r="17" spans="1:4">
      <c r="A17" s="5"/>
      <c r="B17" s="5"/>
      <c r="C17" s="5"/>
      <c r="D17" s="5"/>
    </row>
    <row r="18" spans="1:4" s="5" customFormat="1"/>
    <row r="19" spans="1:4" s="5" customFormat="1"/>
    <row r="20" spans="1:4">
      <c r="A20" s="5"/>
      <c r="B20" s="5"/>
      <c r="C20" s="5"/>
      <c r="D20" s="5"/>
    </row>
    <row r="22" spans="1:4" ht="18.75">
      <c r="A22" s="329" t="s">
        <v>10</v>
      </c>
      <c r="B22" s="329"/>
      <c r="C22" s="329"/>
      <c r="D22" s="329"/>
    </row>
    <row r="23" spans="1:4" ht="115.5" customHeight="1">
      <c r="A23" s="331" t="s">
        <v>121</v>
      </c>
      <c r="B23" s="330"/>
      <c r="C23" s="330"/>
      <c r="D23" s="330"/>
    </row>
    <row r="24" spans="1:4" ht="39.75" customHeight="1">
      <c r="A24" s="328" t="s">
        <v>122</v>
      </c>
      <c r="B24" s="328"/>
      <c r="C24" s="328"/>
      <c r="D24" s="328"/>
    </row>
    <row r="25" spans="1:4" ht="45" customHeight="1">
      <c r="A25" s="37" t="s">
        <v>114</v>
      </c>
      <c r="B25" s="38" t="s">
        <v>115</v>
      </c>
      <c r="C25" s="39" t="s">
        <v>116</v>
      </c>
      <c r="D25" s="40" t="s">
        <v>117</v>
      </c>
    </row>
    <row r="26" spans="1:4" ht="60">
      <c r="A26" s="41"/>
      <c r="B26" s="42" t="s">
        <v>118</v>
      </c>
      <c r="C26" s="43" t="s">
        <v>119</v>
      </c>
      <c r="D26" s="44" t="s">
        <v>120</v>
      </c>
    </row>
    <row r="27" spans="1:4">
      <c r="A27" s="45" t="s">
        <v>444</v>
      </c>
      <c r="B27" s="58">
        <v>12188</v>
      </c>
      <c r="C27" s="59">
        <v>72.256563278738312</v>
      </c>
      <c r="D27" s="60">
        <v>0.53481012539216977</v>
      </c>
    </row>
    <row r="28" spans="1:4">
      <c r="A28" s="49" t="s">
        <v>445</v>
      </c>
      <c r="B28" s="61">
        <v>995</v>
      </c>
      <c r="C28" s="62">
        <v>71.560935499134857</v>
      </c>
      <c r="D28" s="63">
        <v>2.1535635342692814</v>
      </c>
    </row>
    <row r="29" spans="1:4">
      <c r="A29" s="53" t="s">
        <v>446</v>
      </c>
      <c r="B29" s="54">
        <v>127</v>
      </c>
      <c r="C29" s="55">
        <v>69.420821647751751</v>
      </c>
      <c r="D29" s="56">
        <v>4.5031526213026183</v>
      </c>
    </row>
    <row r="30" spans="1:4">
      <c r="A30" s="49" t="s">
        <v>447</v>
      </c>
      <c r="B30" s="61">
        <v>68</v>
      </c>
      <c r="C30" s="62">
        <v>69.340912460126205</v>
      </c>
      <c r="D30" s="63">
        <v>6.6998837160918825</v>
      </c>
    </row>
    <row r="31" spans="1:4">
      <c r="A31" s="57" t="s">
        <v>448</v>
      </c>
      <c r="B31" s="58">
        <v>288</v>
      </c>
      <c r="C31" s="59">
        <v>70.696269004393102</v>
      </c>
      <c r="D31" s="60">
        <v>3.0116138521452029</v>
      </c>
    </row>
    <row r="32" spans="1:4">
      <c r="A32" s="49" t="s">
        <v>449</v>
      </c>
      <c r="B32" s="61">
        <v>305</v>
      </c>
      <c r="C32" s="62">
        <v>73.492434976096689</v>
      </c>
      <c r="D32" s="63">
        <v>4.2914094137219934</v>
      </c>
    </row>
    <row r="33" spans="1:22">
      <c r="A33" s="57" t="s">
        <v>450</v>
      </c>
      <c r="B33" s="58">
        <v>175</v>
      </c>
      <c r="C33" s="59">
        <v>74.262198953381031</v>
      </c>
      <c r="D33" s="60">
        <v>6.7992360973264852</v>
      </c>
    </row>
    <row r="34" spans="1:22">
      <c r="A34" s="5"/>
      <c r="B34" s="5"/>
      <c r="C34" s="5"/>
      <c r="D34" s="5"/>
    </row>
    <row r="35" spans="1:22">
      <c r="A35" s="5"/>
      <c r="B35" s="5"/>
      <c r="C35" s="5"/>
      <c r="D35" s="5"/>
    </row>
    <row r="36" spans="1:22">
      <c r="A36" s="5"/>
      <c r="B36" s="5"/>
      <c r="C36" s="5"/>
      <c r="D36" s="5"/>
    </row>
    <row r="37" spans="1:22">
      <c r="A37" s="5"/>
      <c r="B37" s="5"/>
      <c r="C37" s="5"/>
      <c r="D37" s="5"/>
    </row>
    <row r="38" spans="1:22">
      <c r="A38" s="5"/>
      <c r="B38" s="5"/>
      <c r="C38" s="5"/>
      <c r="D38" s="5"/>
    </row>
    <row r="39" spans="1:22">
      <c r="A39" s="5"/>
      <c r="B39" s="5"/>
      <c r="C39" s="5"/>
      <c r="D39" s="5"/>
    </row>
    <row r="41" spans="1:22" ht="18.75">
      <c r="A41" s="329" t="s">
        <v>36</v>
      </c>
      <c r="B41" s="329"/>
      <c r="C41" s="329"/>
      <c r="D41" s="329"/>
      <c r="E41" s="329"/>
      <c r="F41" s="329"/>
      <c r="G41" s="329"/>
      <c r="H41" s="329"/>
      <c r="I41" s="329"/>
      <c r="J41" s="329"/>
      <c r="K41" s="329"/>
      <c r="L41" s="329"/>
      <c r="M41" s="329"/>
      <c r="N41" s="329"/>
      <c r="O41" s="329"/>
      <c r="P41" s="329"/>
      <c r="Q41" s="329"/>
      <c r="R41" s="329"/>
      <c r="S41" s="329"/>
      <c r="T41" s="329"/>
      <c r="U41" s="329"/>
      <c r="V41" s="329"/>
    </row>
    <row r="42" spans="1:22" ht="70.5" customHeight="1">
      <c r="A42" s="331" t="s">
        <v>123</v>
      </c>
      <c r="B42" s="331"/>
      <c r="C42" s="331"/>
      <c r="D42" s="331"/>
      <c r="E42" s="331"/>
      <c r="F42" s="331"/>
      <c r="G42" s="331"/>
      <c r="H42" s="331"/>
      <c r="I42" s="331"/>
      <c r="J42" s="331"/>
      <c r="K42" s="331"/>
      <c r="L42" s="331"/>
      <c r="M42" s="331"/>
      <c r="N42" s="331"/>
      <c r="O42" s="331"/>
      <c r="P42" s="331"/>
      <c r="Q42" s="331"/>
      <c r="R42" s="331"/>
      <c r="S42" s="331"/>
      <c r="T42" s="331"/>
      <c r="U42" s="331"/>
      <c r="V42" s="331"/>
    </row>
    <row r="43" spans="1:22" ht="28.5" customHeight="1">
      <c r="A43" s="64" t="s">
        <v>124</v>
      </c>
      <c r="B43" s="328" t="s">
        <v>125</v>
      </c>
      <c r="C43" s="328"/>
      <c r="D43" s="328"/>
      <c r="E43" s="328" t="s">
        <v>126</v>
      </c>
      <c r="F43" s="328"/>
      <c r="G43" s="328"/>
      <c r="H43" s="328" t="s">
        <v>127</v>
      </c>
      <c r="I43" s="328"/>
      <c r="J43" s="328"/>
      <c r="K43" s="328" t="s">
        <v>128</v>
      </c>
      <c r="L43" s="328"/>
      <c r="M43" s="328"/>
      <c r="N43" s="328" t="s">
        <v>129</v>
      </c>
      <c r="O43" s="328"/>
      <c r="P43" s="328"/>
      <c r="Q43" s="328" t="s">
        <v>130</v>
      </c>
      <c r="R43" s="328"/>
      <c r="S43" s="328"/>
      <c r="T43" s="328" t="s">
        <v>131</v>
      </c>
      <c r="U43" s="328"/>
      <c r="V43" s="328"/>
    </row>
    <row r="44" spans="1:22" ht="43.5" customHeight="1">
      <c r="A44" s="37" t="s">
        <v>114</v>
      </c>
      <c r="B44" s="65" t="s">
        <v>115</v>
      </c>
      <c r="C44" s="66" t="s">
        <v>116</v>
      </c>
      <c r="D44" s="67" t="s">
        <v>117</v>
      </c>
      <c r="E44" s="38" t="s">
        <v>115</v>
      </c>
      <c r="F44" s="39" t="s">
        <v>116</v>
      </c>
      <c r="G44" s="40" t="s">
        <v>117</v>
      </c>
      <c r="H44" s="65" t="s">
        <v>115</v>
      </c>
      <c r="I44" s="66" t="s">
        <v>116</v>
      </c>
      <c r="J44" s="67" t="s">
        <v>117</v>
      </c>
      <c r="K44" s="38" t="s">
        <v>115</v>
      </c>
      <c r="L44" s="39" t="s">
        <v>116</v>
      </c>
      <c r="M44" s="40" t="s">
        <v>117</v>
      </c>
      <c r="N44" s="65" t="s">
        <v>115</v>
      </c>
      <c r="O44" s="66" t="s">
        <v>116</v>
      </c>
      <c r="P44" s="67" t="s">
        <v>117</v>
      </c>
      <c r="Q44" s="38" t="s">
        <v>115</v>
      </c>
      <c r="R44" s="39" t="s">
        <v>116</v>
      </c>
      <c r="S44" s="40" t="s">
        <v>117</v>
      </c>
      <c r="T44" s="65" t="s">
        <v>115</v>
      </c>
      <c r="U44" s="66" t="s">
        <v>116</v>
      </c>
      <c r="V44" s="67" t="s">
        <v>117</v>
      </c>
    </row>
    <row r="45" spans="1:22" ht="60">
      <c r="A45" s="41"/>
      <c r="B45" s="68" t="s">
        <v>118</v>
      </c>
      <c r="C45" s="69" t="s">
        <v>119</v>
      </c>
      <c r="D45" s="70" t="s">
        <v>120</v>
      </c>
      <c r="E45" s="42" t="s">
        <v>118</v>
      </c>
      <c r="F45" s="43" t="s">
        <v>119</v>
      </c>
      <c r="G45" s="44" t="s">
        <v>120</v>
      </c>
      <c r="H45" s="68" t="s">
        <v>118</v>
      </c>
      <c r="I45" s="69" t="s">
        <v>119</v>
      </c>
      <c r="J45" s="70" t="s">
        <v>120</v>
      </c>
      <c r="K45" s="42" t="s">
        <v>118</v>
      </c>
      <c r="L45" s="43" t="s">
        <v>119</v>
      </c>
      <c r="M45" s="44" t="s">
        <v>120</v>
      </c>
      <c r="N45" s="68" t="s">
        <v>118</v>
      </c>
      <c r="O45" s="69" t="s">
        <v>119</v>
      </c>
      <c r="P45" s="70" t="s">
        <v>120</v>
      </c>
      <c r="Q45" s="42" t="s">
        <v>118</v>
      </c>
      <c r="R45" s="43" t="s">
        <v>119</v>
      </c>
      <c r="S45" s="44" t="s">
        <v>120</v>
      </c>
      <c r="T45" s="68" t="s">
        <v>118</v>
      </c>
      <c r="U45" s="69" t="s">
        <v>119</v>
      </c>
      <c r="V45" s="70" t="s">
        <v>120</v>
      </c>
    </row>
    <row r="46" spans="1:22">
      <c r="A46" s="45" t="s">
        <v>444</v>
      </c>
      <c r="B46" s="71">
        <v>12242</v>
      </c>
      <c r="C46" s="72">
        <v>75.523599849544865</v>
      </c>
      <c r="D46" s="73">
        <v>0.61251936975383892</v>
      </c>
      <c r="E46" s="71">
        <v>12215</v>
      </c>
      <c r="F46" s="72">
        <v>68.190659147698952</v>
      </c>
      <c r="G46" s="73">
        <v>0.67376260898302398</v>
      </c>
      <c r="H46" s="71">
        <v>12171</v>
      </c>
      <c r="I46" s="72">
        <v>68.385707888180519</v>
      </c>
      <c r="J46" s="73">
        <v>0.71049423529234268</v>
      </c>
      <c r="K46" s="71">
        <v>12191</v>
      </c>
      <c r="L46" s="72">
        <v>75.324775383602415</v>
      </c>
      <c r="M46" s="73">
        <v>0.72796505359391972</v>
      </c>
      <c r="N46" s="71">
        <v>12213</v>
      </c>
      <c r="O46" s="72">
        <v>80.090995928966109</v>
      </c>
      <c r="P46" s="73">
        <v>0.6204905940304517</v>
      </c>
      <c r="Q46" s="71">
        <v>12197</v>
      </c>
      <c r="R46" s="72">
        <v>70.375710504536954</v>
      </c>
      <c r="S46" s="73">
        <v>0.72775614464511307</v>
      </c>
      <c r="T46" s="71">
        <v>12197</v>
      </c>
      <c r="U46" s="72">
        <v>67.23896223969048</v>
      </c>
      <c r="V46" s="73">
        <v>0.76011240346149478</v>
      </c>
    </row>
    <row r="47" spans="1:22">
      <c r="A47" s="49" t="s">
        <v>445</v>
      </c>
      <c r="B47" s="74">
        <v>999</v>
      </c>
      <c r="C47" s="75">
        <v>75.962810938263985</v>
      </c>
      <c r="D47" s="76">
        <v>2.2190768005782235</v>
      </c>
      <c r="E47" s="74">
        <v>995</v>
      </c>
      <c r="F47" s="75">
        <v>68.549558209969803</v>
      </c>
      <c r="G47" s="76">
        <v>2.4665098665521867</v>
      </c>
      <c r="H47" s="74">
        <v>991</v>
      </c>
      <c r="I47" s="75">
        <v>68.88498640357129</v>
      </c>
      <c r="J47" s="76">
        <v>2.8147872679561825</v>
      </c>
      <c r="K47" s="74">
        <v>995</v>
      </c>
      <c r="L47" s="75">
        <v>75.534121090422218</v>
      </c>
      <c r="M47" s="76">
        <v>2.7179517501505845</v>
      </c>
      <c r="N47" s="74">
        <v>999</v>
      </c>
      <c r="O47" s="75">
        <v>75.316257132224237</v>
      </c>
      <c r="P47" s="76">
        <v>2.7204979438904431</v>
      </c>
      <c r="Q47" s="74">
        <v>996</v>
      </c>
      <c r="R47" s="75">
        <v>70.265907560437711</v>
      </c>
      <c r="S47" s="76">
        <v>2.9080317349003515</v>
      </c>
      <c r="T47" s="74">
        <v>995</v>
      </c>
      <c r="U47" s="75">
        <v>66.364391141404894</v>
      </c>
      <c r="V47" s="76">
        <v>2.876584409813292</v>
      </c>
    </row>
    <row r="48" spans="1:22">
      <c r="A48" s="53" t="s">
        <v>446</v>
      </c>
      <c r="B48" s="54">
        <v>129</v>
      </c>
      <c r="C48" s="55">
        <v>74.583292925597405</v>
      </c>
      <c r="D48" s="56">
        <v>4.1085814420021727</v>
      </c>
      <c r="E48" s="54">
        <v>129</v>
      </c>
      <c r="F48" s="55">
        <v>65.230921389608355</v>
      </c>
      <c r="G48" s="56">
        <v>4.8023630055890099</v>
      </c>
      <c r="H48" s="54">
        <v>126</v>
      </c>
      <c r="I48" s="55">
        <v>66.571395572510284</v>
      </c>
      <c r="J48" s="56">
        <v>5.7562396564251106</v>
      </c>
      <c r="K48" s="54">
        <v>128</v>
      </c>
      <c r="L48" s="55">
        <v>79.669484876590928</v>
      </c>
      <c r="M48" s="56">
        <v>5.2736937172958243</v>
      </c>
      <c r="N48" s="54">
        <v>129</v>
      </c>
      <c r="O48" s="55">
        <v>70.123004830621426</v>
      </c>
      <c r="P48" s="56">
        <v>6.7965803929219781</v>
      </c>
      <c r="Q48" s="54">
        <v>128</v>
      </c>
      <c r="R48" s="55">
        <v>66.021314354221886</v>
      </c>
      <c r="S48" s="56">
        <v>7.098599155322578</v>
      </c>
      <c r="T48" s="54">
        <v>127</v>
      </c>
      <c r="U48" s="55">
        <v>63.388026924608106</v>
      </c>
      <c r="V48" s="56">
        <v>6.466397501802339</v>
      </c>
    </row>
    <row r="49" spans="1:22">
      <c r="A49" s="49" t="s">
        <v>447</v>
      </c>
      <c r="B49" s="74">
        <v>68</v>
      </c>
      <c r="C49" s="75">
        <v>75.178796673055913</v>
      </c>
      <c r="D49" s="76">
        <v>7.4454543035349996</v>
      </c>
      <c r="E49" s="74">
        <v>68</v>
      </c>
      <c r="F49" s="75">
        <v>69.782015794627</v>
      </c>
      <c r="G49" s="76">
        <v>7.277347582145941</v>
      </c>
      <c r="H49" s="74">
        <v>68</v>
      </c>
      <c r="I49" s="75">
        <v>69.117822629153039</v>
      </c>
      <c r="J49" s="76">
        <v>7.8548662978045503</v>
      </c>
      <c r="K49" s="74">
        <v>68</v>
      </c>
      <c r="L49" s="75">
        <v>71.833665896858733</v>
      </c>
      <c r="M49" s="76">
        <v>7.0792226778724299</v>
      </c>
      <c r="N49" s="74">
        <v>68</v>
      </c>
      <c r="O49" s="75">
        <v>69.399702830134245</v>
      </c>
      <c r="P49" s="76">
        <v>8.0329642082501884</v>
      </c>
      <c r="Q49" s="74">
        <v>67</v>
      </c>
      <c r="R49" s="75">
        <v>67.57103456667592</v>
      </c>
      <c r="S49" s="76">
        <v>8.4118587270054324</v>
      </c>
      <c r="T49" s="74">
        <v>67</v>
      </c>
      <c r="U49" s="75">
        <v>62.572335031629962</v>
      </c>
      <c r="V49" s="76">
        <v>9.1046924913770244</v>
      </c>
    </row>
    <row r="50" spans="1:22">
      <c r="A50" s="57" t="s">
        <v>448</v>
      </c>
      <c r="B50" s="71">
        <v>289</v>
      </c>
      <c r="C50" s="72">
        <v>76.837305327765563</v>
      </c>
      <c r="D50" s="73">
        <v>3.4279345464867461</v>
      </c>
      <c r="E50" s="71">
        <v>288</v>
      </c>
      <c r="F50" s="72">
        <v>67.276186125996048</v>
      </c>
      <c r="G50" s="73">
        <v>4.7565960924441608</v>
      </c>
      <c r="H50" s="71">
        <v>285</v>
      </c>
      <c r="I50" s="72">
        <v>67.37889153252965</v>
      </c>
      <c r="J50" s="73">
        <v>4.4081660204465312</v>
      </c>
      <c r="K50" s="71">
        <v>287</v>
      </c>
      <c r="L50" s="72">
        <v>72.563839569590286</v>
      </c>
      <c r="M50" s="73">
        <v>4.6357249493785613</v>
      </c>
      <c r="N50" s="71">
        <v>289</v>
      </c>
      <c r="O50" s="72">
        <v>76.28021660279785</v>
      </c>
      <c r="P50" s="73">
        <v>4.1159631879931524</v>
      </c>
      <c r="Q50" s="71">
        <v>289</v>
      </c>
      <c r="R50" s="72">
        <v>70.24583318859905</v>
      </c>
      <c r="S50" s="73">
        <v>4.4716118110086978</v>
      </c>
      <c r="T50" s="71">
        <v>288</v>
      </c>
      <c r="U50" s="72">
        <v>64.575989968833184</v>
      </c>
      <c r="V50" s="73">
        <v>4.5954454488434138</v>
      </c>
    </row>
    <row r="51" spans="1:22">
      <c r="A51" s="49" t="s">
        <v>449</v>
      </c>
      <c r="B51" s="74">
        <v>305</v>
      </c>
      <c r="C51" s="75">
        <v>76.277483417734572</v>
      </c>
      <c r="D51" s="76">
        <v>4.4035758704852501</v>
      </c>
      <c r="E51" s="74">
        <v>305</v>
      </c>
      <c r="F51" s="75">
        <v>69.238695650554718</v>
      </c>
      <c r="G51" s="76">
        <v>4.9998300792017858</v>
      </c>
      <c r="H51" s="74">
        <v>305</v>
      </c>
      <c r="I51" s="75">
        <v>70.269351411410682</v>
      </c>
      <c r="J51" s="76">
        <v>5.9631341481384492</v>
      </c>
      <c r="K51" s="74">
        <v>305</v>
      </c>
      <c r="L51" s="75">
        <v>76.279438734486419</v>
      </c>
      <c r="M51" s="76">
        <v>5.5880570037974042</v>
      </c>
      <c r="N51" s="74">
        <v>306</v>
      </c>
      <c r="O51" s="75">
        <v>78.572311195388721</v>
      </c>
      <c r="P51" s="76">
        <v>4.7360105265355479</v>
      </c>
      <c r="Q51" s="74">
        <v>305</v>
      </c>
      <c r="R51" s="75">
        <v>73.779512720919399</v>
      </c>
      <c r="S51" s="76">
        <v>5.2499660502446943</v>
      </c>
      <c r="T51" s="74">
        <v>306</v>
      </c>
      <c r="U51" s="75">
        <v>69.907583275943551</v>
      </c>
      <c r="V51" s="76">
        <v>5.2034547563917855</v>
      </c>
    </row>
    <row r="52" spans="1:22">
      <c r="A52" s="57" t="s">
        <v>450</v>
      </c>
      <c r="B52" s="71">
        <v>176</v>
      </c>
      <c r="C52" s="72">
        <v>75.727484372624886</v>
      </c>
      <c r="D52" s="73">
        <v>6.7765662379893676</v>
      </c>
      <c r="E52" s="71">
        <v>175</v>
      </c>
      <c r="F52" s="72">
        <v>73.493965608721894</v>
      </c>
      <c r="G52" s="73">
        <v>4.5946976218977031</v>
      </c>
      <c r="H52" s="71">
        <v>175</v>
      </c>
      <c r="I52" s="72">
        <v>70.926778955752127</v>
      </c>
      <c r="J52" s="73">
        <v>7.5677418215566306</v>
      </c>
      <c r="K52" s="71">
        <v>175</v>
      </c>
      <c r="L52" s="72">
        <v>75.233111534792286</v>
      </c>
      <c r="M52" s="73">
        <v>10.03465686335864</v>
      </c>
      <c r="N52" s="71">
        <v>175</v>
      </c>
      <c r="O52" s="72">
        <v>82.88586362350982</v>
      </c>
      <c r="P52" s="73">
        <v>7.7173549233271643</v>
      </c>
      <c r="Q52" s="71">
        <v>175</v>
      </c>
      <c r="R52" s="72">
        <v>71.009139519317884</v>
      </c>
      <c r="S52" s="73">
        <v>8.7155960341145366</v>
      </c>
      <c r="T52" s="71">
        <v>175</v>
      </c>
      <c r="U52" s="72">
        <v>70.515797024988785</v>
      </c>
      <c r="V52" s="73">
        <v>8.5416871126534044</v>
      </c>
    </row>
    <row r="53" spans="1:22">
      <c r="A53" s="5"/>
      <c r="B53" s="5"/>
      <c r="C53" s="5"/>
      <c r="D53" s="5"/>
      <c r="G53" s="5"/>
      <c r="H53" s="5"/>
      <c r="I53" s="5"/>
      <c r="J53" s="5"/>
      <c r="K53" s="5"/>
      <c r="L53" s="5"/>
      <c r="M53" s="5"/>
      <c r="N53" s="5"/>
      <c r="O53" s="5"/>
      <c r="P53" s="5"/>
      <c r="Q53" s="5"/>
      <c r="R53" s="5"/>
      <c r="S53" s="5"/>
      <c r="T53" s="5"/>
      <c r="U53" s="5"/>
      <c r="V53" s="5"/>
    </row>
    <row r="54" spans="1:22">
      <c r="A54" s="5"/>
      <c r="B54" s="5"/>
      <c r="C54" s="5"/>
      <c r="D54" s="5"/>
      <c r="G54" s="5"/>
      <c r="H54" s="5"/>
      <c r="I54" s="5"/>
      <c r="J54" s="5"/>
      <c r="K54" s="5"/>
      <c r="L54" s="5"/>
      <c r="M54" s="5"/>
      <c r="N54" s="5"/>
      <c r="O54" s="5"/>
      <c r="P54" s="5"/>
      <c r="Q54" s="5"/>
      <c r="R54" s="5"/>
      <c r="S54" s="5"/>
      <c r="T54" s="5"/>
      <c r="U54" s="5"/>
      <c r="V54" s="5"/>
    </row>
    <row r="55" spans="1:22">
      <c r="A55" s="5"/>
      <c r="B55" s="5"/>
      <c r="C55" s="5"/>
      <c r="D55" s="5"/>
      <c r="G55" s="5"/>
      <c r="H55" s="5"/>
      <c r="I55" s="5"/>
      <c r="J55" s="5"/>
      <c r="K55" s="5"/>
      <c r="L55" s="5"/>
      <c r="M55" s="5"/>
      <c r="N55" s="5"/>
      <c r="O55" s="5"/>
      <c r="P55" s="5"/>
      <c r="Q55" s="5"/>
      <c r="R55" s="5"/>
      <c r="S55" s="5"/>
      <c r="T55" s="5"/>
      <c r="U55" s="5"/>
      <c r="V55" s="5"/>
    </row>
    <row r="56" spans="1:22" s="5" customFormat="1"/>
    <row r="57" spans="1:22" s="5" customFormat="1"/>
    <row r="58" spans="1:22">
      <c r="A58" s="5"/>
      <c r="B58" s="5"/>
      <c r="C58" s="5"/>
      <c r="D58" s="5"/>
      <c r="G58" s="5"/>
      <c r="H58" s="5"/>
      <c r="I58" s="5"/>
      <c r="J58" s="5"/>
      <c r="K58" s="5"/>
      <c r="L58" s="5"/>
      <c r="M58" s="5"/>
      <c r="N58" s="5"/>
      <c r="O58" s="5"/>
      <c r="P58" s="5"/>
      <c r="Q58" s="5"/>
      <c r="R58" s="5"/>
      <c r="S58" s="5"/>
      <c r="T58" s="5"/>
      <c r="U58" s="5"/>
      <c r="V58" s="5"/>
    </row>
    <row r="60" spans="1:22" ht="18.75">
      <c r="A60" s="329" t="s">
        <v>37</v>
      </c>
      <c r="B60" s="329"/>
      <c r="C60" s="329"/>
      <c r="D60" s="329"/>
    </row>
    <row r="61" spans="1:22" ht="76.5" customHeight="1">
      <c r="A61" s="330" t="s">
        <v>343</v>
      </c>
      <c r="B61" s="330"/>
      <c r="C61" s="330"/>
      <c r="D61" s="330"/>
    </row>
    <row r="62" spans="1:22" ht="33" customHeight="1">
      <c r="A62" s="328" t="s">
        <v>132</v>
      </c>
      <c r="B62" s="328"/>
      <c r="C62" s="328"/>
      <c r="D62" s="328"/>
    </row>
    <row r="63" spans="1:22" ht="42" customHeight="1">
      <c r="A63" s="37" t="s">
        <v>114</v>
      </c>
      <c r="B63" s="38" t="s">
        <v>115</v>
      </c>
      <c r="C63" s="39" t="s">
        <v>116</v>
      </c>
      <c r="D63" s="40" t="s">
        <v>117</v>
      </c>
    </row>
    <row r="64" spans="1:22" ht="60">
      <c r="A64" s="41"/>
      <c r="B64" s="42" t="s">
        <v>118</v>
      </c>
      <c r="C64" s="43" t="s">
        <v>344</v>
      </c>
      <c r="D64" s="44" t="s">
        <v>120</v>
      </c>
    </row>
    <row r="65" spans="1:4">
      <c r="A65" s="45" t="s">
        <v>444</v>
      </c>
      <c r="B65" s="77">
        <v>11775</v>
      </c>
      <c r="C65" s="78">
        <v>76.490545672644345</v>
      </c>
      <c r="D65" s="79">
        <v>0.63857776644233866</v>
      </c>
    </row>
    <row r="66" spans="1:4">
      <c r="A66" s="49" t="s">
        <v>445</v>
      </c>
      <c r="B66" s="80">
        <v>949</v>
      </c>
      <c r="C66" s="81">
        <v>76.813182952902409</v>
      </c>
      <c r="D66" s="82">
        <v>2.4846389311710038</v>
      </c>
    </row>
    <row r="67" spans="1:4">
      <c r="A67" s="53" t="s">
        <v>446</v>
      </c>
      <c r="B67" s="83">
        <v>122</v>
      </c>
      <c r="C67" s="84">
        <v>75.985356941056821</v>
      </c>
      <c r="D67" s="85">
        <v>5.3491037637851413</v>
      </c>
    </row>
    <row r="68" spans="1:4">
      <c r="A68" s="49" t="s">
        <v>447</v>
      </c>
      <c r="B68" s="80">
        <v>65</v>
      </c>
      <c r="C68" s="81">
        <v>75.856222081454789</v>
      </c>
      <c r="D68" s="82">
        <v>6.4685537132996007</v>
      </c>
    </row>
    <row r="69" spans="1:4">
      <c r="A69" s="57" t="s">
        <v>448</v>
      </c>
      <c r="B69" s="77">
        <v>278</v>
      </c>
      <c r="C69" s="78">
        <v>78.078225203494853</v>
      </c>
      <c r="D69" s="79">
        <v>3.4554167351286225</v>
      </c>
    </row>
    <row r="70" spans="1:4">
      <c r="A70" s="49" t="s">
        <v>449</v>
      </c>
      <c r="B70" s="80">
        <v>286</v>
      </c>
      <c r="C70" s="81">
        <v>76.797381155583906</v>
      </c>
      <c r="D70" s="82">
        <v>5.3322850182794834</v>
      </c>
    </row>
    <row r="71" spans="1:4">
      <c r="A71" s="57" t="s">
        <v>450</v>
      </c>
      <c r="B71" s="77">
        <v>167</v>
      </c>
      <c r="C71" s="78">
        <v>75.814995595253109</v>
      </c>
      <c r="D71" s="79">
        <v>8.0515599311127595</v>
      </c>
    </row>
    <row r="72" spans="1:4">
      <c r="A72" s="5"/>
      <c r="B72" s="5"/>
      <c r="C72" s="5"/>
      <c r="D72" s="5"/>
    </row>
    <row r="73" spans="1:4">
      <c r="A73" s="5"/>
      <c r="B73" s="5"/>
      <c r="C73" s="5"/>
      <c r="D73" s="5"/>
    </row>
    <row r="74" spans="1:4">
      <c r="A74" s="5"/>
      <c r="B74" s="5"/>
      <c r="C74" s="5"/>
      <c r="D74" s="5"/>
    </row>
    <row r="75" spans="1:4">
      <c r="A75" s="5"/>
      <c r="B75" s="5"/>
      <c r="C75" s="5"/>
      <c r="D75" s="5"/>
    </row>
    <row r="76" spans="1:4">
      <c r="A76" s="5"/>
      <c r="B76" s="5"/>
      <c r="C76" s="5"/>
      <c r="D76" s="5"/>
    </row>
    <row r="77" spans="1:4">
      <c r="A77" s="5"/>
      <c r="B77" s="5"/>
      <c r="C77" s="5"/>
      <c r="D77" s="5"/>
    </row>
  </sheetData>
  <mergeCells count="18">
    <mergeCell ref="A60:D60"/>
    <mergeCell ref="A61:D61"/>
    <mergeCell ref="A62:D62"/>
    <mergeCell ref="A41:V41"/>
    <mergeCell ref="A42:V42"/>
    <mergeCell ref="B43:D43"/>
    <mergeCell ref="E43:G43"/>
    <mergeCell ref="H43:J43"/>
    <mergeCell ref="K43:M43"/>
    <mergeCell ref="N43:P43"/>
    <mergeCell ref="Q43:S43"/>
    <mergeCell ref="T43:V43"/>
    <mergeCell ref="A24:D24"/>
    <mergeCell ref="A3:D3"/>
    <mergeCell ref="A4:D4"/>
    <mergeCell ref="A5:D5"/>
    <mergeCell ref="A22:D22"/>
    <mergeCell ref="A23:D23"/>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71"/>
  <sheetViews>
    <sheetView zoomScaleNormal="100" workbookViewId="0">
      <selection activeCell="D80" sqref="D80"/>
    </sheetView>
  </sheetViews>
  <sheetFormatPr defaultColWidth="18" defaultRowHeight="15"/>
  <cols>
    <col min="1" max="1" width="30.42578125" style="5" customWidth="1"/>
    <col min="2" max="4" width="19.42578125" style="5" customWidth="1"/>
    <col min="5" max="8" width="18" style="5"/>
    <col min="9" max="9" width="29.7109375" style="5" customWidth="1"/>
    <col min="10" max="16384" width="18" style="5"/>
  </cols>
  <sheetData>
    <row r="1" spans="1:4" ht="28.5">
      <c r="A1" s="36" t="s">
        <v>83</v>
      </c>
    </row>
    <row r="3" spans="1:4" ht="18.75">
      <c r="A3" s="329" t="s">
        <v>11</v>
      </c>
      <c r="B3" s="329"/>
      <c r="C3" s="329"/>
      <c r="D3" s="329"/>
    </row>
    <row r="4" spans="1:4" ht="120" customHeight="1">
      <c r="A4" s="330" t="s">
        <v>133</v>
      </c>
      <c r="B4" s="330"/>
      <c r="C4" s="330"/>
      <c r="D4" s="330"/>
    </row>
    <row r="5" spans="1:4" ht="33" customHeight="1">
      <c r="A5" s="328" t="s">
        <v>134</v>
      </c>
      <c r="B5" s="328"/>
      <c r="C5" s="328"/>
      <c r="D5" s="328"/>
    </row>
    <row r="6" spans="1:4" ht="39" customHeight="1">
      <c r="A6" s="37" t="s">
        <v>114</v>
      </c>
      <c r="B6" s="38" t="s">
        <v>115</v>
      </c>
      <c r="C6" s="39" t="s">
        <v>116</v>
      </c>
      <c r="D6" s="40" t="s">
        <v>117</v>
      </c>
    </row>
    <row r="7" spans="1:4" ht="61.5" customHeight="1">
      <c r="A7" s="41"/>
      <c r="B7" s="42" t="s">
        <v>118</v>
      </c>
      <c r="C7" s="43" t="s">
        <v>135</v>
      </c>
      <c r="D7" s="44" t="s">
        <v>120</v>
      </c>
    </row>
    <row r="8" spans="1:4">
      <c r="A8" s="45" t="s">
        <v>444</v>
      </c>
      <c r="B8" s="86">
        <v>12683</v>
      </c>
      <c r="C8" s="87">
        <v>5.5190485968402259</v>
      </c>
      <c r="D8" s="88">
        <v>3.3524356393148658E-2</v>
      </c>
    </row>
    <row r="9" spans="1:4">
      <c r="A9" s="49" t="s">
        <v>445</v>
      </c>
      <c r="B9" s="89">
        <v>995</v>
      </c>
      <c r="C9" s="90">
        <v>5.5023500774672414</v>
      </c>
      <c r="D9" s="91">
        <v>0.12192872015090117</v>
      </c>
    </row>
    <row r="10" spans="1:4">
      <c r="A10" s="53" t="s">
        <v>446</v>
      </c>
      <c r="B10" s="83">
        <v>127</v>
      </c>
      <c r="C10" s="84">
        <v>5.3947044919709892</v>
      </c>
      <c r="D10" s="85">
        <v>0.291296777253649</v>
      </c>
    </row>
    <row r="11" spans="1:4">
      <c r="A11" s="49" t="s">
        <v>447</v>
      </c>
      <c r="B11" s="89">
        <v>66</v>
      </c>
      <c r="C11" s="90">
        <v>5.0946918711506299</v>
      </c>
      <c r="D11" s="91">
        <v>0.45205286842123105</v>
      </c>
    </row>
    <row r="12" spans="1:4">
      <c r="A12" s="57" t="s">
        <v>448</v>
      </c>
      <c r="B12" s="86">
        <v>288</v>
      </c>
      <c r="C12" s="87">
        <v>5.6646719907936038</v>
      </c>
      <c r="D12" s="88">
        <v>0.1781047464645038</v>
      </c>
    </row>
    <row r="13" spans="1:4">
      <c r="A13" s="49" t="s">
        <v>449</v>
      </c>
      <c r="B13" s="89">
        <v>306</v>
      </c>
      <c r="C13" s="90">
        <v>5.6476938854758538</v>
      </c>
      <c r="D13" s="91">
        <v>0.19433834962815055</v>
      </c>
    </row>
    <row r="14" spans="1:4">
      <c r="A14" s="57" t="s">
        <v>450</v>
      </c>
      <c r="B14" s="86">
        <v>175</v>
      </c>
      <c r="C14" s="87">
        <v>5.5236917750481025</v>
      </c>
      <c r="D14" s="88">
        <v>0.23231180844293675</v>
      </c>
    </row>
    <row r="22" spans="1:36" ht="18.75">
      <c r="A22" s="332" t="s">
        <v>38</v>
      </c>
      <c r="B22" s="332"/>
      <c r="C22" s="332"/>
      <c r="D22" s="332"/>
      <c r="E22" s="332"/>
      <c r="F22" s="332"/>
      <c r="G22" s="332"/>
      <c r="H22" s="332"/>
      <c r="I22" s="332"/>
      <c r="J22" s="332"/>
      <c r="K22" s="332"/>
      <c r="L22" s="332"/>
      <c r="M22" s="332"/>
      <c r="N22" s="332"/>
      <c r="O22" s="332"/>
      <c r="P22" s="332"/>
      <c r="Q22" s="332"/>
      <c r="R22" s="332"/>
      <c r="S22" s="332"/>
      <c r="T22" s="332"/>
      <c r="U22" s="332"/>
      <c r="V22" s="332"/>
      <c r="W22" s="332"/>
      <c r="X22" s="332"/>
      <c r="Y22" s="332"/>
      <c r="Z22" s="332"/>
      <c r="AA22" s="332"/>
      <c r="AB22" s="332"/>
      <c r="AC22" s="332"/>
      <c r="AD22" s="332"/>
      <c r="AE22" s="332"/>
      <c r="AF22" s="332"/>
      <c r="AG22" s="332"/>
      <c r="AH22" s="332"/>
      <c r="AI22" s="332"/>
      <c r="AJ22" s="332"/>
    </row>
    <row r="23" spans="1:36" ht="62.25" customHeight="1">
      <c r="A23" s="331" t="s">
        <v>136</v>
      </c>
      <c r="B23" s="330"/>
      <c r="C23" s="330"/>
      <c r="D23" s="330"/>
      <c r="E23" s="330"/>
      <c r="F23" s="330"/>
      <c r="G23" s="330"/>
      <c r="H23" s="330"/>
      <c r="I23" s="330"/>
      <c r="J23" s="330"/>
      <c r="K23" s="330"/>
      <c r="L23" s="330"/>
      <c r="M23" s="330"/>
      <c r="N23" s="330"/>
      <c r="O23" s="330"/>
      <c r="P23" s="330"/>
      <c r="Q23" s="330"/>
      <c r="R23" s="330"/>
      <c r="S23" s="330"/>
      <c r="T23" s="330"/>
      <c r="U23" s="330"/>
      <c r="V23" s="330"/>
      <c r="W23" s="330"/>
      <c r="X23" s="330"/>
      <c r="Y23" s="330"/>
      <c r="Z23" s="330"/>
      <c r="AA23" s="330"/>
      <c r="AB23" s="330"/>
      <c r="AC23" s="333"/>
      <c r="AD23" s="330"/>
      <c r="AE23" s="330"/>
      <c r="AF23" s="330"/>
      <c r="AG23" s="330"/>
      <c r="AH23" s="330"/>
      <c r="AI23" s="330"/>
      <c r="AJ23" s="330"/>
    </row>
    <row r="24" spans="1:36" ht="39.75" customHeight="1">
      <c r="A24" s="64"/>
      <c r="B24" s="334" t="s">
        <v>137</v>
      </c>
      <c r="C24" s="334"/>
      <c r="D24" s="334"/>
      <c r="E24" s="334"/>
      <c r="F24" s="334"/>
      <c r="G24" s="334"/>
      <c r="H24" s="334"/>
      <c r="I24" s="334" t="s">
        <v>138</v>
      </c>
      <c r="J24" s="334" t="s">
        <v>139</v>
      </c>
      <c r="K24" s="334"/>
      <c r="L24" s="334" t="s">
        <v>140</v>
      </c>
      <c r="M24" s="334"/>
      <c r="N24" s="334" t="s">
        <v>141</v>
      </c>
      <c r="O24" s="334"/>
      <c r="P24" s="334" t="s">
        <v>142</v>
      </c>
      <c r="Q24" s="334" t="s">
        <v>139</v>
      </c>
      <c r="R24" s="334"/>
      <c r="S24" s="334" t="s">
        <v>140</v>
      </c>
      <c r="T24" s="334"/>
      <c r="U24" s="334" t="s">
        <v>141</v>
      </c>
      <c r="V24" s="334"/>
      <c r="W24" s="334" t="s">
        <v>143</v>
      </c>
      <c r="X24" s="334" t="s">
        <v>139</v>
      </c>
      <c r="Y24" s="334"/>
      <c r="Z24" s="334" t="s">
        <v>140</v>
      </c>
      <c r="AA24" s="334"/>
      <c r="AB24" s="334" t="s">
        <v>141</v>
      </c>
      <c r="AC24" s="335"/>
      <c r="AD24" s="334" t="s">
        <v>144</v>
      </c>
      <c r="AE24" s="334" t="s">
        <v>139</v>
      </c>
      <c r="AF24" s="334"/>
      <c r="AG24" s="334" t="s">
        <v>140</v>
      </c>
      <c r="AH24" s="334"/>
      <c r="AI24" s="334" t="s">
        <v>141</v>
      </c>
      <c r="AJ24" s="334"/>
    </row>
    <row r="25" spans="1:36" ht="39.75" customHeight="1">
      <c r="A25" s="37" t="s">
        <v>114</v>
      </c>
      <c r="B25" s="65" t="s">
        <v>115</v>
      </c>
      <c r="C25" s="65" t="s">
        <v>300</v>
      </c>
      <c r="D25" s="92" t="s">
        <v>145</v>
      </c>
      <c r="E25" s="65" t="s">
        <v>301</v>
      </c>
      <c r="F25" s="92" t="s">
        <v>146</v>
      </c>
      <c r="G25" s="65" t="s">
        <v>302</v>
      </c>
      <c r="H25" s="92" t="s">
        <v>147</v>
      </c>
      <c r="I25" s="38" t="s">
        <v>115</v>
      </c>
      <c r="J25" s="38" t="s">
        <v>300</v>
      </c>
      <c r="K25" s="93" t="s">
        <v>145</v>
      </c>
      <c r="L25" s="38" t="s">
        <v>301</v>
      </c>
      <c r="M25" s="93" t="s">
        <v>146</v>
      </c>
      <c r="N25" s="38" t="s">
        <v>302</v>
      </c>
      <c r="O25" s="93" t="s">
        <v>147</v>
      </c>
      <c r="P25" s="65" t="s">
        <v>115</v>
      </c>
      <c r="Q25" s="65" t="s">
        <v>300</v>
      </c>
      <c r="R25" s="92" t="s">
        <v>145</v>
      </c>
      <c r="S25" s="65" t="s">
        <v>301</v>
      </c>
      <c r="T25" s="92" t="s">
        <v>146</v>
      </c>
      <c r="U25" s="65" t="s">
        <v>302</v>
      </c>
      <c r="V25" s="92" t="s">
        <v>147</v>
      </c>
      <c r="W25" s="38" t="s">
        <v>115</v>
      </c>
      <c r="X25" s="38" t="s">
        <v>300</v>
      </c>
      <c r="Y25" s="93" t="s">
        <v>145</v>
      </c>
      <c r="Z25" s="38" t="s">
        <v>301</v>
      </c>
      <c r="AA25" s="93" t="s">
        <v>146</v>
      </c>
      <c r="AB25" s="38" t="s">
        <v>302</v>
      </c>
      <c r="AC25" s="93" t="s">
        <v>147</v>
      </c>
      <c r="AD25" s="65" t="s">
        <v>115</v>
      </c>
      <c r="AE25" s="65" t="s">
        <v>300</v>
      </c>
      <c r="AF25" s="92" t="s">
        <v>145</v>
      </c>
      <c r="AG25" s="65" t="s">
        <v>301</v>
      </c>
      <c r="AH25" s="92" t="s">
        <v>146</v>
      </c>
      <c r="AI25" s="65" t="s">
        <v>302</v>
      </c>
      <c r="AJ25" s="92" t="s">
        <v>147</v>
      </c>
    </row>
    <row r="26" spans="1:36" ht="72">
      <c r="A26" s="41"/>
      <c r="B26" s="68" t="s">
        <v>118</v>
      </c>
      <c r="C26" s="68" t="s">
        <v>303</v>
      </c>
      <c r="D26" s="94" t="s">
        <v>148</v>
      </c>
      <c r="E26" s="68" t="s">
        <v>304</v>
      </c>
      <c r="F26" s="94" t="s">
        <v>148</v>
      </c>
      <c r="G26" s="68" t="s">
        <v>305</v>
      </c>
      <c r="H26" s="94" t="s">
        <v>148</v>
      </c>
      <c r="I26" s="42" t="s">
        <v>118</v>
      </c>
      <c r="J26" s="42" t="s">
        <v>303</v>
      </c>
      <c r="K26" s="95" t="s">
        <v>148</v>
      </c>
      <c r="L26" s="42" t="s">
        <v>304</v>
      </c>
      <c r="M26" s="95" t="s">
        <v>148</v>
      </c>
      <c r="N26" s="42" t="s">
        <v>305</v>
      </c>
      <c r="O26" s="95" t="s">
        <v>148</v>
      </c>
      <c r="P26" s="68" t="s">
        <v>118</v>
      </c>
      <c r="Q26" s="68" t="s">
        <v>303</v>
      </c>
      <c r="R26" s="94" t="s">
        <v>148</v>
      </c>
      <c r="S26" s="68" t="s">
        <v>304</v>
      </c>
      <c r="T26" s="94" t="s">
        <v>148</v>
      </c>
      <c r="U26" s="68" t="s">
        <v>305</v>
      </c>
      <c r="V26" s="94" t="s">
        <v>148</v>
      </c>
      <c r="W26" s="42" t="s">
        <v>118</v>
      </c>
      <c r="X26" s="42" t="s">
        <v>303</v>
      </c>
      <c r="Y26" s="95" t="s">
        <v>148</v>
      </c>
      <c r="Z26" s="42" t="s">
        <v>304</v>
      </c>
      <c r="AA26" s="95" t="s">
        <v>148</v>
      </c>
      <c r="AB26" s="42" t="s">
        <v>305</v>
      </c>
      <c r="AC26" s="95" t="s">
        <v>148</v>
      </c>
      <c r="AD26" s="68" t="s">
        <v>118</v>
      </c>
      <c r="AE26" s="68" t="s">
        <v>303</v>
      </c>
      <c r="AF26" s="94" t="s">
        <v>148</v>
      </c>
      <c r="AG26" s="68" t="s">
        <v>304</v>
      </c>
      <c r="AH26" s="94" t="s">
        <v>148</v>
      </c>
      <c r="AI26" s="68" t="s">
        <v>305</v>
      </c>
      <c r="AJ26" s="94" t="s">
        <v>148</v>
      </c>
    </row>
    <row r="27" spans="1:36">
      <c r="A27" s="45" t="s">
        <v>444</v>
      </c>
      <c r="B27" s="96">
        <v>13196</v>
      </c>
      <c r="C27" s="97">
        <v>5.3829607574766937E-2</v>
      </c>
      <c r="D27" s="98">
        <v>3.8545890231892919E-3</v>
      </c>
      <c r="E27" s="97">
        <v>7.4412749666165748E-2</v>
      </c>
      <c r="F27" s="98">
        <v>4.4807139691915654E-3</v>
      </c>
      <c r="G27" s="97">
        <v>0.87175764275906731</v>
      </c>
      <c r="H27" s="98">
        <v>5.7061783134320565E-3</v>
      </c>
      <c r="I27" s="96">
        <v>12505</v>
      </c>
      <c r="J27" s="97">
        <v>0.1259124756079584</v>
      </c>
      <c r="K27" s="98">
        <v>5.8161165202278388E-3</v>
      </c>
      <c r="L27" s="97">
        <v>0.16604663137442463</v>
      </c>
      <c r="M27" s="98">
        <v>6.5229266217047381E-3</v>
      </c>
      <c r="N27" s="97">
        <v>0.70804089301761697</v>
      </c>
      <c r="O27" s="98">
        <v>7.9682697649266689E-3</v>
      </c>
      <c r="P27" s="96">
        <v>13113</v>
      </c>
      <c r="Q27" s="97">
        <v>7.8547875587255039E-2</v>
      </c>
      <c r="R27" s="98">
        <v>4.607519065555097E-3</v>
      </c>
      <c r="S27" s="97">
        <v>9.6282686317427146E-2</v>
      </c>
      <c r="T27" s="98">
        <v>5.0509969798988872E-3</v>
      </c>
      <c r="U27" s="97">
        <v>0.82516943809531784</v>
      </c>
      <c r="V27" s="98">
        <v>6.5015377111313187E-3</v>
      </c>
      <c r="W27" s="96">
        <v>12897</v>
      </c>
      <c r="X27" s="97">
        <v>0.13892885780704581</v>
      </c>
      <c r="Y27" s="98">
        <v>5.9704464892764621E-3</v>
      </c>
      <c r="Z27" s="97">
        <v>0.14081701847408071</v>
      </c>
      <c r="AA27" s="98">
        <v>6.0042436201436988E-3</v>
      </c>
      <c r="AB27" s="97">
        <v>0.72025412371887354</v>
      </c>
      <c r="AC27" s="98">
        <v>7.7464285626550082E-3</v>
      </c>
      <c r="AD27" s="96">
        <v>13093</v>
      </c>
      <c r="AE27" s="97">
        <v>8.2872367615942133E-2</v>
      </c>
      <c r="AF27" s="98">
        <v>4.7249074933759846E-3</v>
      </c>
      <c r="AG27" s="97">
        <v>0.10716987060516442</v>
      </c>
      <c r="AH27" s="98">
        <v>5.3003519254895062E-3</v>
      </c>
      <c r="AI27" s="97">
        <v>0.80995776177889345</v>
      </c>
      <c r="AJ27" s="98">
        <v>6.7206173819764859E-3</v>
      </c>
    </row>
    <row r="28" spans="1:36">
      <c r="A28" s="49" t="s">
        <v>445</v>
      </c>
      <c r="B28" s="99">
        <v>1027</v>
      </c>
      <c r="C28" s="100">
        <v>4.9038762249174507E-2</v>
      </c>
      <c r="D28" s="101">
        <v>1.3402641435550896E-2</v>
      </c>
      <c r="E28" s="100">
        <v>8.1161224054705494E-2</v>
      </c>
      <c r="F28" s="101">
        <v>1.6820581840324384E-2</v>
      </c>
      <c r="G28" s="100">
        <v>0.86980001369612003</v>
      </c>
      <c r="H28" s="101">
        <v>2.0637789428107439E-2</v>
      </c>
      <c r="I28" s="99">
        <v>982</v>
      </c>
      <c r="J28" s="100">
        <v>0.12342560861626829</v>
      </c>
      <c r="K28" s="101">
        <v>2.0639876075773007E-2</v>
      </c>
      <c r="L28" s="100">
        <v>0.17653062310949405</v>
      </c>
      <c r="M28" s="101">
        <v>2.3867847746071254E-2</v>
      </c>
      <c r="N28" s="100">
        <v>0.70004376827423764</v>
      </c>
      <c r="O28" s="101">
        <v>2.8624900134400475E-2</v>
      </c>
      <c r="P28" s="99">
        <v>1023</v>
      </c>
      <c r="Q28" s="100">
        <v>7.9105935950816261E-2</v>
      </c>
      <c r="R28" s="101">
        <v>1.6662773249062998E-2</v>
      </c>
      <c r="S28" s="100">
        <v>9.2435981803241377E-2</v>
      </c>
      <c r="T28" s="101">
        <v>1.7850371974832975E-2</v>
      </c>
      <c r="U28" s="100">
        <v>0.82845808224594231</v>
      </c>
      <c r="V28" s="101">
        <v>2.312432499992104E-2</v>
      </c>
      <c r="W28" s="99">
        <v>1007</v>
      </c>
      <c r="X28" s="100">
        <v>0.15543235838180458</v>
      </c>
      <c r="Y28" s="101">
        <v>2.2413717736098321E-2</v>
      </c>
      <c r="Z28" s="100">
        <v>0.12240461154419457</v>
      </c>
      <c r="AA28" s="101">
        <v>2.0309106619247445E-2</v>
      </c>
      <c r="AB28" s="100">
        <v>0.72216303007400084</v>
      </c>
      <c r="AC28" s="101">
        <v>2.7638506458173197E-2</v>
      </c>
      <c r="AD28" s="99">
        <v>1020</v>
      </c>
      <c r="AE28" s="100">
        <v>7.5087580219842132E-2</v>
      </c>
      <c r="AF28" s="101">
        <v>1.6304150813352358E-2</v>
      </c>
      <c r="AG28" s="100">
        <v>0.11722587304880144</v>
      </c>
      <c r="AH28" s="101">
        <v>1.981192660780522E-2</v>
      </c>
      <c r="AI28" s="100">
        <v>0.80768654673135643</v>
      </c>
      <c r="AJ28" s="101">
        <v>2.4197018642798725E-2</v>
      </c>
    </row>
    <row r="29" spans="1:36">
      <c r="A29" s="53" t="s">
        <v>446</v>
      </c>
      <c r="B29" s="83">
        <v>128</v>
      </c>
      <c r="C29" s="102">
        <v>2.6512758866509493E-2</v>
      </c>
      <c r="D29" s="98">
        <v>3.3772534134903207E-2</v>
      </c>
      <c r="E29" s="102">
        <v>7.7554915036309152E-2</v>
      </c>
      <c r="F29" s="98">
        <v>4.8908454852051017E-2</v>
      </c>
      <c r="G29" s="102">
        <v>0.89593232609718132</v>
      </c>
      <c r="H29" s="98">
        <v>5.4642545384334863E-2</v>
      </c>
      <c r="I29" s="83">
        <v>123</v>
      </c>
      <c r="J29" s="102">
        <v>0.15846906649991099</v>
      </c>
      <c r="K29" s="98">
        <v>6.5212244584741064E-2</v>
      </c>
      <c r="L29" s="102">
        <v>0.27338742146179262</v>
      </c>
      <c r="M29" s="98">
        <v>7.8135387071233561E-2</v>
      </c>
      <c r="N29" s="102">
        <v>0.56814351203829638</v>
      </c>
      <c r="O29" s="98">
        <v>8.6200068507468502E-2</v>
      </c>
      <c r="P29" s="83">
        <v>128</v>
      </c>
      <c r="Q29" s="102">
        <v>0.1057716770066776</v>
      </c>
      <c r="R29" s="98">
        <v>5.4978670876469883E-2</v>
      </c>
      <c r="S29" s="102">
        <v>0.13143326301128241</v>
      </c>
      <c r="T29" s="98">
        <v>5.9651735867445509E-2</v>
      </c>
      <c r="U29" s="102">
        <v>0.76279505998204</v>
      </c>
      <c r="V29" s="98">
        <v>7.3388228520898879E-2</v>
      </c>
      <c r="W29" s="83">
        <v>128</v>
      </c>
      <c r="X29" s="102">
        <v>0.16511043657095667</v>
      </c>
      <c r="Y29" s="98">
        <v>6.4858616078800738E-2</v>
      </c>
      <c r="Z29" s="102">
        <v>0.15897700692949079</v>
      </c>
      <c r="AA29" s="98">
        <v>6.3978044363293254E-2</v>
      </c>
      <c r="AB29" s="102">
        <v>0.67591255649955251</v>
      </c>
      <c r="AC29" s="98">
        <v>8.0180499473030256E-2</v>
      </c>
      <c r="AD29" s="83">
        <v>127</v>
      </c>
      <c r="AE29" s="102">
        <v>2.0644028022080364E-2</v>
      </c>
      <c r="AF29" s="98">
        <v>3.1592966182960994E-2</v>
      </c>
      <c r="AG29" s="102">
        <v>0.14782939449826049</v>
      </c>
      <c r="AH29" s="98">
        <v>6.2553849501440592E-2</v>
      </c>
      <c r="AI29" s="102">
        <v>0.83152657747965919</v>
      </c>
      <c r="AJ29" s="98">
        <v>6.5589609849379588E-2</v>
      </c>
    </row>
    <row r="30" spans="1:36">
      <c r="A30" s="49" t="s">
        <v>447</v>
      </c>
      <c r="B30" s="99">
        <v>67</v>
      </c>
      <c r="C30" s="100">
        <v>0.10688279619822118</v>
      </c>
      <c r="D30" s="101">
        <v>7.7978377399356313E-2</v>
      </c>
      <c r="E30" s="100">
        <v>7.0873686745450734E-2</v>
      </c>
      <c r="F30" s="101">
        <v>6.8220496490745353E-2</v>
      </c>
      <c r="G30" s="100">
        <v>0.82224351705632814</v>
      </c>
      <c r="H30" s="101">
        <v>9.2322681035681545E-2</v>
      </c>
      <c r="I30" s="99">
        <v>64</v>
      </c>
      <c r="J30" s="100">
        <v>0.21574771907402046</v>
      </c>
      <c r="K30" s="101">
        <v>0.10039954339445008</v>
      </c>
      <c r="L30" s="100">
        <v>0.23142655371473128</v>
      </c>
      <c r="M30" s="101">
        <v>0.10253695038580254</v>
      </c>
      <c r="N30" s="100">
        <v>0.55282572721124823</v>
      </c>
      <c r="O30" s="101">
        <v>0.11825346040155624</v>
      </c>
      <c r="P30" s="99">
        <v>67</v>
      </c>
      <c r="Q30" s="100">
        <v>0.14477637575186225</v>
      </c>
      <c r="R30" s="101">
        <v>8.6295685250179555E-2</v>
      </c>
      <c r="S30" s="100">
        <v>0.1246609478659462</v>
      </c>
      <c r="T30" s="101">
        <v>8.2090680068836325E-2</v>
      </c>
      <c r="U30" s="100">
        <v>0.73056267638219152</v>
      </c>
      <c r="V30" s="101">
        <v>0.10471597503338177</v>
      </c>
      <c r="W30" s="99">
        <v>64</v>
      </c>
      <c r="X30" s="100">
        <v>0.27212495339169135</v>
      </c>
      <c r="Y30" s="101">
        <v>0.10735423906980048</v>
      </c>
      <c r="Z30" s="100">
        <v>0.10156163227625428</v>
      </c>
      <c r="AA30" s="101">
        <v>7.8606676016402727E-2</v>
      </c>
      <c r="AB30" s="100">
        <v>0.62631341433205423</v>
      </c>
      <c r="AC30" s="101">
        <v>0.11543433503922827</v>
      </c>
      <c r="AD30" s="99">
        <v>67</v>
      </c>
      <c r="AE30" s="100">
        <v>0.15330456513159135</v>
      </c>
      <c r="AF30" s="101">
        <v>8.7950945113472442E-2</v>
      </c>
      <c r="AG30" s="100">
        <v>0.13169778425769738</v>
      </c>
      <c r="AH30" s="101">
        <v>8.3612269209030005E-2</v>
      </c>
      <c r="AI30" s="100">
        <v>0.7149976506107113</v>
      </c>
      <c r="AJ30" s="101">
        <v>0.10629951389392971</v>
      </c>
    </row>
    <row r="31" spans="1:36">
      <c r="A31" s="57" t="s">
        <v>448</v>
      </c>
      <c r="B31" s="96">
        <v>292</v>
      </c>
      <c r="C31" s="97">
        <v>2.7489247185654753E-2</v>
      </c>
      <c r="D31" s="98">
        <v>2.060931731835524E-2</v>
      </c>
      <c r="E31" s="97">
        <v>8.3971740369454595E-2</v>
      </c>
      <c r="F31" s="98">
        <v>3.2536188463550782E-2</v>
      </c>
      <c r="G31" s="97">
        <v>0.88853901244489064</v>
      </c>
      <c r="H31" s="98">
        <v>3.6577865032865857E-2</v>
      </c>
      <c r="I31" s="96">
        <v>273</v>
      </c>
      <c r="J31" s="97">
        <v>0.10618405132326517</v>
      </c>
      <c r="K31" s="98">
        <v>3.7120416803186972E-2</v>
      </c>
      <c r="L31" s="97">
        <v>0.15438529283693109</v>
      </c>
      <c r="M31" s="98">
        <v>4.3105101498066831E-2</v>
      </c>
      <c r="N31" s="97">
        <v>0.73943065583980372</v>
      </c>
      <c r="O31" s="98">
        <v>5.1912411879829354E-2</v>
      </c>
      <c r="P31" s="96">
        <v>289</v>
      </c>
      <c r="Q31" s="97">
        <v>4.5187152791307895E-2</v>
      </c>
      <c r="R31" s="98">
        <v>2.5283093108484582E-2</v>
      </c>
      <c r="S31" s="97">
        <v>9.2302788771174718E-2</v>
      </c>
      <c r="T31" s="98">
        <v>3.4023492387682076E-2</v>
      </c>
      <c r="U31" s="97">
        <v>0.86251005843751749</v>
      </c>
      <c r="V31" s="98">
        <v>4.0019262707335558E-2</v>
      </c>
      <c r="W31" s="96">
        <v>286</v>
      </c>
      <c r="X31" s="97">
        <v>7.0581586163466534E-2</v>
      </c>
      <c r="Y31" s="98">
        <v>3.059272845494965E-2</v>
      </c>
      <c r="Z31" s="97">
        <v>0.11217824567731385</v>
      </c>
      <c r="AA31" s="98">
        <v>3.7066145806096872E-2</v>
      </c>
      <c r="AB31" s="97">
        <v>0.81724016815921963</v>
      </c>
      <c r="AC31" s="98">
        <v>4.488945100105874E-2</v>
      </c>
      <c r="AD31" s="96">
        <v>289</v>
      </c>
      <c r="AE31" s="103">
        <v>9.5604115451371888E-2</v>
      </c>
      <c r="AF31" s="98">
        <v>3.4522397401859826E-2</v>
      </c>
      <c r="AG31" s="97">
        <v>5.2087561325337019E-2</v>
      </c>
      <c r="AH31" s="98">
        <v>2.6808438694941601E-2</v>
      </c>
      <c r="AI31" s="97">
        <v>0.85230832322329109</v>
      </c>
      <c r="AJ31" s="98">
        <v>4.1165046374878424E-2</v>
      </c>
    </row>
    <row r="32" spans="1:36">
      <c r="A32" s="49" t="s">
        <v>449</v>
      </c>
      <c r="B32" s="99">
        <v>307</v>
      </c>
      <c r="C32" s="100">
        <v>5.3238657202639469E-2</v>
      </c>
      <c r="D32" s="101">
        <v>2.6184494601123685E-2</v>
      </c>
      <c r="E32" s="100">
        <v>7.8806052864388826E-2</v>
      </c>
      <c r="F32" s="101">
        <v>3.0866464561747277E-2</v>
      </c>
      <c r="G32" s="100">
        <v>0.86795528993297166</v>
      </c>
      <c r="H32" s="101">
        <v>3.8189524834984688E-2</v>
      </c>
      <c r="I32" s="99">
        <v>296</v>
      </c>
      <c r="J32" s="100">
        <v>8.7320850064997541E-2</v>
      </c>
      <c r="K32" s="101">
        <v>3.283747544357675E-2</v>
      </c>
      <c r="L32" s="100">
        <v>0.12885192376471483</v>
      </c>
      <c r="M32" s="101">
        <v>3.8524176632181245E-2</v>
      </c>
      <c r="N32" s="100">
        <v>0.78382722617028766</v>
      </c>
      <c r="O32" s="101">
        <v>4.6873103218825526E-2</v>
      </c>
      <c r="P32" s="99">
        <v>307</v>
      </c>
      <c r="Q32" s="100">
        <v>6.5274728593633674E-2</v>
      </c>
      <c r="R32" s="101">
        <v>2.8518990976271974E-2</v>
      </c>
      <c r="S32" s="100">
        <v>6.066393669121737E-2</v>
      </c>
      <c r="T32" s="101">
        <v>2.7655443037178942E-2</v>
      </c>
      <c r="U32" s="100">
        <v>0.87406133471514891</v>
      </c>
      <c r="V32" s="101">
        <v>3.7468707609667619E-2</v>
      </c>
      <c r="W32" s="99">
        <v>302</v>
      </c>
      <c r="X32" s="100">
        <v>0.18341431407170652</v>
      </c>
      <c r="Y32" s="101">
        <v>4.3737565767930343E-2</v>
      </c>
      <c r="Z32" s="100">
        <v>0.10980239329243728</v>
      </c>
      <c r="AA32" s="101">
        <v>3.5731932264850282E-2</v>
      </c>
      <c r="AB32" s="100">
        <v>0.70678329263585615</v>
      </c>
      <c r="AC32" s="101">
        <v>5.1143850021486081E-2</v>
      </c>
      <c r="AD32" s="99">
        <v>306</v>
      </c>
      <c r="AE32" s="100">
        <v>6.2595333321950455E-2</v>
      </c>
      <c r="AF32" s="101">
        <v>2.8070141100866777E-2</v>
      </c>
      <c r="AG32" s="100">
        <v>0.14081462928202615</v>
      </c>
      <c r="AH32" s="101">
        <v>3.9246409732287088E-2</v>
      </c>
      <c r="AI32" s="100">
        <v>0.79659003739602341</v>
      </c>
      <c r="AJ32" s="101">
        <v>4.5121185901569695E-2</v>
      </c>
    </row>
    <row r="33" spans="1:37">
      <c r="A33" s="57" t="s">
        <v>450</v>
      </c>
      <c r="B33" s="96">
        <v>175</v>
      </c>
      <c r="C33" s="97">
        <v>4.9833866363912953E-2</v>
      </c>
      <c r="D33" s="98">
        <v>3.4762239106406488E-2</v>
      </c>
      <c r="E33" s="97">
        <v>0.11196768807938162</v>
      </c>
      <c r="F33" s="98">
        <v>4.7715195953838649E-2</v>
      </c>
      <c r="G33" s="97">
        <v>0.83819844555670542</v>
      </c>
      <c r="H33" s="98">
        <v>5.4946551519107115E-2</v>
      </c>
      <c r="I33" s="96">
        <v>173</v>
      </c>
      <c r="J33" s="97">
        <v>5.7764884052506009E-2</v>
      </c>
      <c r="K33" s="98">
        <v>3.702684675153025E-2</v>
      </c>
      <c r="L33" s="97">
        <v>7.6555991219569727E-2</v>
      </c>
      <c r="M33" s="98">
        <v>4.1331222142275623E-2</v>
      </c>
      <c r="N33" s="97">
        <v>0.8656791247279243</v>
      </c>
      <c r="O33" s="98">
        <v>5.1511198636245148E-2</v>
      </c>
      <c r="P33" s="96">
        <v>174</v>
      </c>
      <c r="Q33" s="97">
        <v>3.9058731861621211E-2</v>
      </c>
      <c r="R33" s="98">
        <v>3.1840444680676545E-2</v>
      </c>
      <c r="S33" s="97">
        <v>4.8874676966882885E-2</v>
      </c>
      <c r="T33" s="98">
        <v>3.4618591923635304E-2</v>
      </c>
      <c r="U33" s="97">
        <v>0.91206659117149591</v>
      </c>
      <c r="V33" s="98">
        <v>4.3517274259897598E-2</v>
      </c>
      <c r="W33" s="96">
        <v>172</v>
      </c>
      <c r="X33" s="97">
        <v>6.3303908842918102E-2</v>
      </c>
      <c r="Y33" s="98">
        <v>3.8488148138300392E-2</v>
      </c>
      <c r="Z33" s="97">
        <v>0.13711062262489837</v>
      </c>
      <c r="AA33" s="98">
        <v>5.2072863128941931E-2</v>
      </c>
      <c r="AB33" s="97">
        <v>0.7995854685321836</v>
      </c>
      <c r="AC33" s="98">
        <v>5.988174711797821E-2</v>
      </c>
      <c r="AD33" s="96">
        <v>176</v>
      </c>
      <c r="AE33" s="97">
        <v>6.0957615251917757E-2</v>
      </c>
      <c r="AF33" s="98">
        <v>3.7449630566230012E-2</v>
      </c>
      <c r="AG33" s="97">
        <v>9.3722068279116028E-2</v>
      </c>
      <c r="AH33" s="98">
        <v>4.4357630718135005E-2</v>
      </c>
      <c r="AI33" s="97">
        <v>0.84532031646896622</v>
      </c>
      <c r="AJ33" s="98">
        <v>5.3874220757542848E-2</v>
      </c>
    </row>
    <row r="41" spans="1:37" ht="21" customHeight="1">
      <c r="A41" s="329" t="s">
        <v>39</v>
      </c>
      <c r="B41" s="329"/>
      <c r="C41" s="329"/>
      <c r="D41" s="329"/>
      <c r="E41" s="329"/>
      <c r="F41" s="329"/>
      <c r="G41" s="329"/>
      <c r="H41" s="329"/>
      <c r="I41" s="329"/>
      <c r="J41" s="329"/>
      <c r="K41" s="329"/>
      <c r="L41" s="329"/>
      <c r="M41" s="329"/>
      <c r="N41" s="329"/>
      <c r="O41" s="329"/>
      <c r="P41" s="329"/>
      <c r="Q41" s="329"/>
      <c r="R41" s="329"/>
      <c r="S41" s="329"/>
      <c r="T41" s="329"/>
      <c r="U41" s="329"/>
      <c r="V41" s="329"/>
      <c r="W41" s="329"/>
      <c r="X41" s="329"/>
      <c r="Y41" s="329"/>
      <c r="Z41" s="329"/>
      <c r="AA41" s="329"/>
      <c r="AB41" s="329"/>
      <c r="AC41" s="329"/>
      <c r="AD41" s="329"/>
      <c r="AE41" s="329"/>
      <c r="AF41" s="329"/>
      <c r="AG41" s="329"/>
      <c r="AH41" s="329"/>
      <c r="AI41" s="329"/>
      <c r="AJ41" s="329"/>
      <c r="AK41" s="329"/>
    </row>
    <row r="42" spans="1:37" ht="57" customHeight="1">
      <c r="A42" s="338" t="s">
        <v>149</v>
      </c>
      <c r="B42" s="338"/>
      <c r="C42" s="338"/>
      <c r="D42" s="338"/>
      <c r="E42" s="338"/>
      <c r="F42" s="338"/>
      <c r="G42" s="338"/>
      <c r="H42" s="338"/>
      <c r="I42" s="338"/>
      <c r="J42" s="338"/>
      <c r="K42" s="338"/>
      <c r="L42" s="338"/>
      <c r="M42" s="338"/>
      <c r="N42" s="338"/>
      <c r="O42" s="338"/>
      <c r="P42" s="338"/>
      <c r="Q42" s="338"/>
      <c r="R42" s="338"/>
      <c r="S42" s="338"/>
      <c r="T42" s="338"/>
      <c r="U42" s="338"/>
      <c r="V42" s="338"/>
      <c r="W42" s="338"/>
      <c r="X42" s="338"/>
      <c r="Y42" s="338"/>
      <c r="Z42" s="338"/>
      <c r="AA42" s="338"/>
      <c r="AB42" s="338"/>
      <c r="AC42" s="338"/>
      <c r="AD42" s="338"/>
      <c r="AE42" s="338"/>
      <c r="AF42" s="338"/>
      <c r="AG42" s="338"/>
      <c r="AH42" s="338"/>
      <c r="AI42" s="338"/>
      <c r="AJ42" s="338"/>
      <c r="AK42" s="338"/>
    </row>
    <row r="43" spans="1:37" ht="37.5" customHeight="1">
      <c r="A43" s="64"/>
      <c r="B43" s="336" t="s">
        <v>150</v>
      </c>
      <c r="C43" s="336"/>
      <c r="D43" s="336"/>
      <c r="E43" s="336"/>
      <c r="F43" s="336"/>
      <c r="G43" s="336"/>
      <c r="H43" s="336"/>
      <c r="I43" s="336"/>
      <c r="J43" s="336"/>
      <c r="K43" s="336" t="s">
        <v>151</v>
      </c>
      <c r="L43" s="336"/>
      <c r="M43" s="336"/>
      <c r="N43" s="336"/>
      <c r="O43" s="336"/>
      <c r="P43" s="336"/>
      <c r="Q43" s="336"/>
      <c r="R43" s="336"/>
      <c r="S43" s="336"/>
      <c r="T43" s="336" t="s">
        <v>152</v>
      </c>
      <c r="U43" s="336"/>
      <c r="V43" s="336"/>
      <c r="W43" s="336"/>
      <c r="X43" s="336"/>
      <c r="Y43" s="336"/>
      <c r="Z43" s="336"/>
      <c r="AA43" s="336"/>
      <c r="AB43" s="336"/>
      <c r="AC43" s="336" t="s">
        <v>153</v>
      </c>
      <c r="AD43" s="336"/>
      <c r="AE43" s="336"/>
      <c r="AF43" s="336"/>
      <c r="AG43" s="336"/>
      <c r="AH43" s="336"/>
      <c r="AI43" s="336"/>
      <c r="AJ43" s="336"/>
      <c r="AK43" s="336"/>
    </row>
    <row r="44" spans="1:37" ht="51" customHeight="1">
      <c r="A44" s="37" t="s">
        <v>114</v>
      </c>
      <c r="B44" s="38" t="s">
        <v>115</v>
      </c>
      <c r="C44" s="39" t="s">
        <v>116</v>
      </c>
      <c r="D44" s="40" t="s">
        <v>117</v>
      </c>
      <c r="E44" s="65" t="s">
        <v>306</v>
      </c>
      <c r="F44" s="92" t="s">
        <v>154</v>
      </c>
      <c r="G44" s="65" t="s">
        <v>307</v>
      </c>
      <c r="H44" s="92" t="s">
        <v>155</v>
      </c>
      <c r="I44" s="65" t="s">
        <v>308</v>
      </c>
      <c r="J44" s="92" t="s">
        <v>156</v>
      </c>
      <c r="K44" s="38" t="s">
        <v>115</v>
      </c>
      <c r="L44" s="39" t="s">
        <v>116</v>
      </c>
      <c r="M44" s="40" t="s">
        <v>117</v>
      </c>
      <c r="N44" s="65" t="s">
        <v>309</v>
      </c>
      <c r="O44" s="92" t="s">
        <v>157</v>
      </c>
      <c r="P44" s="65" t="s">
        <v>310</v>
      </c>
      <c r="Q44" s="92" t="s">
        <v>158</v>
      </c>
      <c r="R44" s="65" t="s">
        <v>311</v>
      </c>
      <c r="S44" s="92" t="s">
        <v>159</v>
      </c>
      <c r="T44" s="38" t="s">
        <v>115</v>
      </c>
      <c r="U44" s="39" t="s">
        <v>116</v>
      </c>
      <c r="V44" s="40" t="s">
        <v>117</v>
      </c>
      <c r="W44" s="65" t="s">
        <v>312</v>
      </c>
      <c r="X44" s="92" t="s">
        <v>160</v>
      </c>
      <c r="Y44" s="65" t="s">
        <v>313</v>
      </c>
      <c r="Z44" s="92" t="s">
        <v>161</v>
      </c>
      <c r="AA44" s="65" t="s">
        <v>314</v>
      </c>
      <c r="AB44" s="92" t="s">
        <v>162</v>
      </c>
      <c r="AC44" s="38" t="s">
        <v>115</v>
      </c>
      <c r="AD44" s="39" t="s">
        <v>116</v>
      </c>
      <c r="AE44" s="40" t="s">
        <v>117</v>
      </c>
      <c r="AF44" s="65" t="s">
        <v>315</v>
      </c>
      <c r="AG44" s="92" t="s">
        <v>163</v>
      </c>
      <c r="AH44" s="65" t="s">
        <v>316</v>
      </c>
      <c r="AI44" s="92" t="s">
        <v>164</v>
      </c>
      <c r="AJ44" s="65" t="s">
        <v>317</v>
      </c>
      <c r="AK44" s="92" t="s">
        <v>165</v>
      </c>
    </row>
    <row r="45" spans="1:37" ht="72">
      <c r="A45" s="41"/>
      <c r="B45" s="42" t="s">
        <v>118</v>
      </c>
      <c r="C45" s="43" t="s">
        <v>166</v>
      </c>
      <c r="D45" s="44" t="s">
        <v>120</v>
      </c>
      <c r="E45" s="68" t="s">
        <v>303</v>
      </c>
      <c r="F45" s="94" t="s">
        <v>148</v>
      </c>
      <c r="G45" s="68" t="s">
        <v>304</v>
      </c>
      <c r="H45" s="94" t="s">
        <v>148</v>
      </c>
      <c r="I45" s="68" t="s">
        <v>305</v>
      </c>
      <c r="J45" s="94" t="s">
        <v>148</v>
      </c>
      <c r="K45" s="42" t="s">
        <v>118</v>
      </c>
      <c r="L45" s="43" t="s">
        <v>166</v>
      </c>
      <c r="M45" s="44" t="s">
        <v>120</v>
      </c>
      <c r="N45" s="68" t="s">
        <v>303</v>
      </c>
      <c r="O45" s="94" t="s">
        <v>148</v>
      </c>
      <c r="P45" s="68" t="s">
        <v>304</v>
      </c>
      <c r="Q45" s="94" t="s">
        <v>148</v>
      </c>
      <c r="R45" s="68" t="s">
        <v>305</v>
      </c>
      <c r="S45" s="94" t="s">
        <v>148</v>
      </c>
      <c r="T45" s="42" t="s">
        <v>118</v>
      </c>
      <c r="U45" s="43" t="s">
        <v>166</v>
      </c>
      <c r="V45" s="44" t="s">
        <v>120</v>
      </c>
      <c r="W45" s="68" t="s">
        <v>303</v>
      </c>
      <c r="X45" s="94" t="s">
        <v>148</v>
      </c>
      <c r="Y45" s="68" t="s">
        <v>304</v>
      </c>
      <c r="Z45" s="94" t="s">
        <v>148</v>
      </c>
      <c r="AA45" s="68" t="s">
        <v>305</v>
      </c>
      <c r="AB45" s="94" t="s">
        <v>148</v>
      </c>
      <c r="AC45" s="42" t="s">
        <v>118</v>
      </c>
      <c r="AD45" s="43" t="s">
        <v>166</v>
      </c>
      <c r="AE45" s="44" t="s">
        <v>120</v>
      </c>
      <c r="AF45" s="68" t="s">
        <v>303</v>
      </c>
      <c r="AG45" s="94" t="s">
        <v>148</v>
      </c>
      <c r="AH45" s="68" t="s">
        <v>304</v>
      </c>
      <c r="AI45" s="94" t="s">
        <v>148</v>
      </c>
      <c r="AJ45" s="68" t="s">
        <v>305</v>
      </c>
      <c r="AK45" s="94" t="s">
        <v>148</v>
      </c>
    </row>
    <row r="46" spans="1:37">
      <c r="A46" s="45" t="s">
        <v>444</v>
      </c>
      <c r="B46" s="104">
        <v>12912</v>
      </c>
      <c r="C46" s="105">
        <v>4.6728331768312366</v>
      </c>
      <c r="D46" s="106">
        <v>4.6635506950834404E-2</v>
      </c>
      <c r="E46" s="107">
        <v>0.20229240684951083</v>
      </c>
      <c r="F46" s="98">
        <v>6.9291115627588551E-3</v>
      </c>
      <c r="G46" s="107">
        <v>0.23467965841125618</v>
      </c>
      <c r="H46" s="98">
        <v>7.3097766314780118E-3</v>
      </c>
      <c r="I46" s="107">
        <v>0.56302793473923296</v>
      </c>
      <c r="J46" s="98">
        <v>8.5543306533473109E-3</v>
      </c>
      <c r="K46" s="104">
        <v>13048</v>
      </c>
      <c r="L46" s="105">
        <v>4.9708498785165478</v>
      </c>
      <c r="M46" s="106">
        <v>4.035666651789338E-2</v>
      </c>
      <c r="N46" s="107">
        <v>0.12215338956206258</v>
      </c>
      <c r="O46" s="98">
        <v>5.6202640912948344E-3</v>
      </c>
      <c r="P46" s="107">
        <v>0.22798362448277359</v>
      </c>
      <c r="Q46" s="98">
        <v>7.198442826195835E-3</v>
      </c>
      <c r="R46" s="107">
        <v>0.64986298595516379</v>
      </c>
      <c r="S46" s="98">
        <v>8.1839051271273711E-3</v>
      </c>
      <c r="T46" s="104">
        <v>12244</v>
      </c>
      <c r="U46" s="105">
        <v>4.2142447960169704</v>
      </c>
      <c r="V46" s="106">
        <v>4.7843067177924858E-2</v>
      </c>
      <c r="W46" s="107">
        <v>0.30880084687872184</v>
      </c>
      <c r="X46" s="98">
        <v>8.0600769107167028E-3</v>
      </c>
      <c r="Y46" s="107">
        <v>0.24243354262826453</v>
      </c>
      <c r="Z46" s="98">
        <v>7.4770657482799516E-3</v>
      </c>
      <c r="AA46" s="107">
        <v>0.44876561049301367</v>
      </c>
      <c r="AB46" s="98">
        <v>8.6766919063489441E-3</v>
      </c>
      <c r="AC46" s="104">
        <v>12674</v>
      </c>
      <c r="AD46" s="105">
        <v>5.142952801055749</v>
      </c>
      <c r="AE46" s="106">
        <v>4.1919704569256311E-2</v>
      </c>
      <c r="AF46" s="107">
        <v>0.11153950901931568</v>
      </c>
      <c r="AG46" s="98">
        <v>5.3980585808139281E-3</v>
      </c>
      <c r="AH46" s="107">
        <v>0.20421495557018712</v>
      </c>
      <c r="AI46" s="98">
        <v>6.9105905466342096E-3</v>
      </c>
      <c r="AJ46" s="107">
        <v>0.68424553541049715</v>
      </c>
      <c r="AK46" s="98">
        <v>7.9671613710766195E-3</v>
      </c>
    </row>
    <row r="47" spans="1:37">
      <c r="A47" s="49" t="s">
        <v>445</v>
      </c>
      <c r="B47" s="108">
        <v>1012</v>
      </c>
      <c r="C47" s="109">
        <v>4.5662878781432097</v>
      </c>
      <c r="D47" s="110">
        <v>0.19172367075340269</v>
      </c>
      <c r="E47" s="111">
        <v>0.25321220586194826</v>
      </c>
      <c r="F47" s="101">
        <v>2.6773124900527218E-2</v>
      </c>
      <c r="G47" s="111">
        <v>0.21127390752666239</v>
      </c>
      <c r="H47" s="101">
        <v>2.515053684835768E-2</v>
      </c>
      <c r="I47" s="111">
        <v>0.53551388661138932</v>
      </c>
      <c r="J47" s="101">
        <v>3.0668293134423576E-2</v>
      </c>
      <c r="K47" s="108">
        <v>1021</v>
      </c>
      <c r="L47" s="109">
        <v>4.9208500313073573</v>
      </c>
      <c r="M47" s="110">
        <v>0.14982623094693892</v>
      </c>
      <c r="N47" s="111">
        <v>0.11799925970590924</v>
      </c>
      <c r="O47" s="101">
        <v>1.9857613640482989E-2</v>
      </c>
      <c r="P47" s="111">
        <v>0.23576266039802307</v>
      </c>
      <c r="Q47" s="101">
        <v>2.6025570978989943E-2</v>
      </c>
      <c r="R47" s="111">
        <v>0.64623807989606763</v>
      </c>
      <c r="S47" s="101">
        <v>2.9282228498345823E-2</v>
      </c>
      <c r="T47" s="108">
        <v>958</v>
      </c>
      <c r="U47" s="109">
        <v>3.8194061918535294</v>
      </c>
      <c r="V47" s="110">
        <v>0.19551312757096451</v>
      </c>
      <c r="W47" s="111">
        <v>0.4291281722402352</v>
      </c>
      <c r="X47" s="101">
        <v>3.0912694284406645E-2</v>
      </c>
      <c r="Y47" s="111">
        <v>0.19642045493409466</v>
      </c>
      <c r="Z47" s="101">
        <v>2.4869725831592599E-2</v>
      </c>
      <c r="AA47" s="111">
        <v>0.37445137282567015</v>
      </c>
      <c r="AB47" s="101">
        <v>3.0233234563263808E-2</v>
      </c>
      <c r="AC47" s="108">
        <v>996</v>
      </c>
      <c r="AD47" s="109">
        <v>5.2275734106829042</v>
      </c>
      <c r="AE47" s="110">
        <v>0.15525011480075079</v>
      </c>
      <c r="AF47" s="111">
        <v>8.3866426904233751E-2</v>
      </c>
      <c r="AG47" s="101">
        <v>1.7126257435672601E-2</v>
      </c>
      <c r="AH47" s="111">
        <v>0.21207187005275269</v>
      </c>
      <c r="AI47" s="101">
        <v>2.5085879758463939E-2</v>
      </c>
      <c r="AJ47" s="111">
        <v>0.70406170304301352</v>
      </c>
      <c r="AK47" s="101">
        <v>2.7980157642980549E-2</v>
      </c>
    </row>
    <row r="48" spans="1:37">
      <c r="A48" s="53" t="s">
        <v>446</v>
      </c>
      <c r="B48" s="83">
        <v>127</v>
      </c>
      <c r="C48" s="84">
        <v>4.5371140986752625</v>
      </c>
      <c r="D48" s="85">
        <v>0.4611455168880223</v>
      </c>
      <c r="E48" s="102">
        <v>0.24981812282504032</v>
      </c>
      <c r="F48" s="98">
        <v>7.4874463818419335E-2</v>
      </c>
      <c r="G48" s="102">
        <v>0.17352121446910113</v>
      </c>
      <c r="H48" s="98">
        <v>6.6283801421838207E-2</v>
      </c>
      <c r="I48" s="102">
        <v>0.57666066270585858</v>
      </c>
      <c r="J48" s="98">
        <v>8.4671846843484833E-2</v>
      </c>
      <c r="K48" s="83">
        <v>129</v>
      </c>
      <c r="L48" s="84">
        <v>4.913599986045166</v>
      </c>
      <c r="M48" s="85">
        <v>0.33208850376199983</v>
      </c>
      <c r="N48" s="102">
        <v>0.14247791983698685</v>
      </c>
      <c r="O48" s="98">
        <v>6.1218885836356131E-2</v>
      </c>
      <c r="P48" s="102">
        <v>0.205888109978588</v>
      </c>
      <c r="Q48" s="98">
        <v>6.9789284624229952E-2</v>
      </c>
      <c r="R48" s="102">
        <v>0.65163397018442515</v>
      </c>
      <c r="S48" s="98">
        <v>8.1217417998347932E-2</v>
      </c>
      <c r="T48" s="83">
        <v>121</v>
      </c>
      <c r="U48" s="84">
        <v>3.3505559646092102</v>
      </c>
      <c r="V48" s="85">
        <v>0.46643693277297693</v>
      </c>
      <c r="W48" s="102">
        <v>0.5909955196412856</v>
      </c>
      <c r="X48" s="98">
        <v>8.6282978916616973E-2</v>
      </c>
      <c r="Y48" s="102">
        <v>0.11233493736333235</v>
      </c>
      <c r="Z48" s="98">
        <v>5.792590168745617E-2</v>
      </c>
      <c r="AA48" s="102">
        <v>0.29666954299538201</v>
      </c>
      <c r="AB48" s="98">
        <v>8.0576810380242087E-2</v>
      </c>
      <c r="AC48" s="83">
        <v>128</v>
      </c>
      <c r="AD48" s="84">
        <v>5.3204356928382097</v>
      </c>
      <c r="AE48" s="85">
        <v>0.30127352048196698</v>
      </c>
      <c r="AF48" s="102">
        <v>6.8115069987336033E-2</v>
      </c>
      <c r="AG48" s="98">
        <v>4.6597615021494072E-2</v>
      </c>
      <c r="AH48" s="102">
        <v>0.1904247289417634</v>
      </c>
      <c r="AI48" s="98">
        <v>6.8213580954988834E-2</v>
      </c>
      <c r="AJ48" s="102">
        <v>0.7414602010709006</v>
      </c>
      <c r="AK48" s="98">
        <v>7.536737153374623E-2</v>
      </c>
    </row>
    <row r="49" spans="1:37">
      <c r="A49" s="49" t="s">
        <v>447</v>
      </c>
      <c r="B49" s="108">
        <v>66</v>
      </c>
      <c r="C49" s="109">
        <v>4.3248020263032307</v>
      </c>
      <c r="D49" s="110">
        <v>0.62257174784509051</v>
      </c>
      <c r="E49" s="111">
        <v>0.39403318667713688</v>
      </c>
      <c r="F49" s="101">
        <v>0.11477007542517156</v>
      </c>
      <c r="G49" s="111">
        <v>0.22206210527954148</v>
      </c>
      <c r="H49" s="101">
        <v>9.9755774244714546E-2</v>
      </c>
      <c r="I49" s="111">
        <v>0.38390470804332161</v>
      </c>
      <c r="J49" s="101">
        <v>0.11429103385369875</v>
      </c>
      <c r="K49" s="108">
        <v>66</v>
      </c>
      <c r="L49" s="109">
        <v>4.5070037450148979</v>
      </c>
      <c r="M49" s="110">
        <v>0.45349365919001094</v>
      </c>
      <c r="N49" s="111">
        <v>0.19011314073434873</v>
      </c>
      <c r="O49" s="101">
        <v>9.505246837224765E-2</v>
      </c>
      <c r="P49" s="111">
        <v>0.37480892838138924</v>
      </c>
      <c r="Q49" s="101">
        <v>0.11382164889220898</v>
      </c>
      <c r="R49" s="111">
        <v>0.43507793088426205</v>
      </c>
      <c r="S49" s="101">
        <v>0.11625131417561366</v>
      </c>
      <c r="T49" s="108">
        <v>65</v>
      </c>
      <c r="U49" s="109">
        <v>3.7418129927922048</v>
      </c>
      <c r="V49" s="110">
        <v>0.60065291094530382</v>
      </c>
      <c r="W49" s="111">
        <v>0.54904725684687627</v>
      </c>
      <c r="X49" s="101">
        <v>0.11747333570580056</v>
      </c>
      <c r="Y49" s="111">
        <v>4.6168861401405609E-2</v>
      </c>
      <c r="Z49" s="101">
        <v>6.1178171913792503E-2</v>
      </c>
      <c r="AA49" s="111">
        <v>0.40478388175171809</v>
      </c>
      <c r="AB49" s="101">
        <v>0.11606424137905873</v>
      </c>
      <c r="AC49" s="108">
        <v>67</v>
      </c>
      <c r="AD49" s="109">
        <v>4.9298178827580221</v>
      </c>
      <c r="AE49" s="110">
        <v>0.50761522194228714</v>
      </c>
      <c r="AF49" s="111">
        <v>9.3384533654772117E-2</v>
      </c>
      <c r="AG49" s="101">
        <v>7.4568762410115938E-2</v>
      </c>
      <c r="AH49" s="111">
        <v>0.38023018916352608</v>
      </c>
      <c r="AI49" s="101">
        <v>0.11329428959286574</v>
      </c>
      <c r="AJ49" s="111">
        <v>0.52638527718170181</v>
      </c>
      <c r="AK49" s="101">
        <v>0.11616030705927341</v>
      </c>
    </row>
    <row r="50" spans="1:37">
      <c r="A50" s="57" t="s">
        <v>448</v>
      </c>
      <c r="B50" s="104">
        <v>281</v>
      </c>
      <c r="C50" s="105">
        <v>4.7889421540790034</v>
      </c>
      <c r="D50" s="106">
        <v>0.28078887416285792</v>
      </c>
      <c r="E50" s="107">
        <v>0.17352116104586224</v>
      </c>
      <c r="F50" s="98">
        <v>4.4419970131453955E-2</v>
      </c>
      <c r="G50" s="107">
        <v>0.27635119221952731</v>
      </c>
      <c r="H50" s="98">
        <v>5.2099894396752972E-2</v>
      </c>
      <c r="I50" s="107">
        <v>0.55012764673461045</v>
      </c>
      <c r="J50" s="98">
        <v>5.7765890601061895E-2</v>
      </c>
      <c r="K50" s="104">
        <v>287</v>
      </c>
      <c r="L50" s="105">
        <v>4.9483861977842576</v>
      </c>
      <c r="M50" s="106">
        <v>0.24185010459897516</v>
      </c>
      <c r="N50" s="107">
        <v>7.2585750809328969E-2</v>
      </c>
      <c r="O50" s="98">
        <v>3.0895341752326104E-2</v>
      </c>
      <c r="P50" s="107">
        <v>0.30423022861871057</v>
      </c>
      <c r="Q50" s="98">
        <v>5.2992491242141643E-2</v>
      </c>
      <c r="R50" s="107">
        <v>0.62318402057196043</v>
      </c>
      <c r="S50" s="98">
        <v>5.5726934787350246E-2</v>
      </c>
      <c r="T50" s="104">
        <v>271</v>
      </c>
      <c r="U50" s="105">
        <v>4.1139373295900894</v>
      </c>
      <c r="V50" s="106">
        <v>0.28981539896233288</v>
      </c>
      <c r="W50" s="107">
        <v>0.27025923161471826</v>
      </c>
      <c r="X50" s="98">
        <v>5.2690963689100694E-2</v>
      </c>
      <c r="Y50" s="107">
        <v>0.34209904508055466</v>
      </c>
      <c r="Z50" s="98">
        <v>5.6161604541452068E-2</v>
      </c>
      <c r="AA50" s="107">
        <v>0.38764172330472707</v>
      </c>
      <c r="AB50" s="98">
        <v>5.7628993901593741E-2</v>
      </c>
      <c r="AC50" s="104">
        <v>287</v>
      </c>
      <c r="AD50" s="105">
        <v>5.4071080803594436</v>
      </c>
      <c r="AE50" s="106">
        <v>0.24618553292539591</v>
      </c>
      <c r="AF50" s="107">
        <v>6.0215259397545073E-2</v>
      </c>
      <c r="AG50" s="98">
        <v>2.8579164237331964E-2</v>
      </c>
      <c r="AH50" s="107">
        <v>0.17281606025098742</v>
      </c>
      <c r="AI50" s="98">
        <v>4.3883130366975755E-2</v>
      </c>
      <c r="AJ50" s="107">
        <v>0.76696868035146748</v>
      </c>
      <c r="AK50" s="98">
        <v>4.8837898170757732E-2</v>
      </c>
    </row>
    <row r="51" spans="1:37">
      <c r="A51" s="49" t="s">
        <v>449</v>
      </c>
      <c r="B51" s="108">
        <v>304</v>
      </c>
      <c r="C51" s="109">
        <v>4.5399841886003474</v>
      </c>
      <c r="D51" s="110">
        <v>0.35539817026861087</v>
      </c>
      <c r="E51" s="111">
        <v>0.25860154335895824</v>
      </c>
      <c r="F51" s="101">
        <v>4.9092890613297996E-2</v>
      </c>
      <c r="G51" s="111">
        <v>0.17111630706905975</v>
      </c>
      <c r="H51" s="101">
        <v>4.2472224906822877E-2</v>
      </c>
      <c r="I51" s="111">
        <v>0.57028214957198187</v>
      </c>
      <c r="J51" s="101">
        <v>5.5300647796034677E-2</v>
      </c>
      <c r="K51" s="108">
        <v>305</v>
      </c>
      <c r="L51" s="109">
        <v>5.0843098463678889</v>
      </c>
      <c r="M51" s="110">
        <v>0.29721184214008733</v>
      </c>
      <c r="N51" s="111">
        <v>0.11709612283113453</v>
      </c>
      <c r="O51" s="101">
        <v>3.6499331932549846E-2</v>
      </c>
      <c r="P51" s="111">
        <v>0.13499803050695208</v>
      </c>
      <c r="Q51" s="101">
        <v>3.8657156552723587E-2</v>
      </c>
      <c r="R51" s="111">
        <v>0.7479058466619134</v>
      </c>
      <c r="S51" s="101">
        <v>4.8617738709962582E-2</v>
      </c>
      <c r="T51" s="108">
        <v>299</v>
      </c>
      <c r="U51" s="109">
        <v>3.7484975849877209</v>
      </c>
      <c r="V51" s="110">
        <v>0.34728133734366162</v>
      </c>
      <c r="W51" s="111">
        <v>0.43205307600047943</v>
      </c>
      <c r="X51" s="101">
        <v>5.5791021635073851E-2</v>
      </c>
      <c r="Y51" s="111">
        <v>0.22524679533017036</v>
      </c>
      <c r="Z51" s="101">
        <v>4.7303752503102953E-2</v>
      </c>
      <c r="AA51" s="111">
        <v>0.34270012866935023</v>
      </c>
      <c r="AB51" s="101">
        <v>5.3517815267738425E-2</v>
      </c>
      <c r="AC51" s="108">
        <v>305</v>
      </c>
      <c r="AD51" s="109">
        <v>5.2119533275527345</v>
      </c>
      <c r="AE51" s="110">
        <v>0.30842095271571246</v>
      </c>
      <c r="AF51" s="111">
        <v>0.11420527723187684</v>
      </c>
      <c r="AG51" s="101">
        <v>3.6128725509975687E-2</v>
      </c>
      <c r="AH51" s="111">
        <v>0.16618948707861245</v>
      </c>
      <c r="AI51" s="101">
        <v>4.1933199730624392E-2</v>
      </c>
      <c r="AJ51" s="111">
        <v>0.71960523568951074</v>
      </c>
      <c r="AK51" s="101">
        <v>5.0238870766433782E-2</v>
      </c>
    </row>
    <row r="52" spans="1:37">
      <c r="A52" s="57" t="s">
        <v>450</v>
      </c>
      <c r="B52" s="104">
        <v>176</v>
      </c>
      <c r="C52" s="105">
        <v>4.4995924625610479</v>
      </c>
      <c r="D52" s="106">
        <v>0.36307952835683466</v>
      </c>
      <c r="E52" s="107">
        <v>0.22080234122987316</v>
      </c>
      <c r="F52" s="98">
        <v>6.119656477931254E-2</v>
      </c>
      <c r="G52" s="107">
        <v>0.28646867463184345</v>
      </c>
      <c r="H52" s="98">
        <v>6.6371774322964858E-2</v>
      </c>
      <c r="I52" s="107">
        <v>0.49272898413828342</v>
      </c>
      <c r="J52" s="98">
        <v>7.3037502914856459E-2</v>
      </c>
      <c r="K52" s="104">
        <v>177</v>
      </c>
      <c r="L52" s="105">
        <v>4.9730179755397961</v>
      </c>
      <c r="M52" s="106">
        <v>0.248375052818953</v>
      </c>
      <c r="N52" s="107">
        <v>5.9070854072300769E-2</v>
      </c>
      <c r="O52" s="98">
        <v>3.6878797302651263E-2</v>
      </c>
      <c r="P52" s="107">
        <v>0.26916352529800863</v>
      </c>
      <c r="Q52" s="98">
        <v>6.4996647343771738E-2</v>
      </c>
      <c r="R52" s="107">
        <v>0.67176562062969059</v>
      </c>
      <c r="S52" s="98">
        <v>6.8609463881950883E-2</v>
      </c>
      <c r="T52" s="104">
        <v>172</v>
      </c>
      <c r="U52" s="105">
        <v>4.5163387431512039</v>
      </c>
      <c r="V52" s="106">
        <v>0.30872396903455623</v>
      </c>
      <c r="W52" s="107">
        <v>0.21119490113204098</v>
      </c>
      <c r="X52" s="98">
        <v>6.0975845682790783E-2</v>
      </c>
      <c r="Y52" s="107">
        <v>0.24348901824831232</v>
      </c>
      <c r="Z52" s="98">
        <v>6.3915329022896955E-2</v>
      </c>
      <c r="AA52" s="107">
        <v>0.54531608061964676</v>
      </c>
      <c r="AB52" s="98">
        <v>7.3579950527044219E-2</v>
      </c>
      <c r="AC52" s="104">
        <v>175</v>
      </c>
      <c r="AD52" s="105">
        <v>5.169532917760054</v>
      </c>
      <c r="AE52" s="106">
        <v>0.37106528907594694</v>
      </c>
      <c r="AF52" s="107">
        <v>5.1817254872269826E-2</v>
      </c>
      <c r="AG52" s="98">
        <v>3.5284030555916578E-2</v>
      </c>
      <c r="AH52" s="107">
        <v>0.2354806463797276</v>
      </c>
      <c r="AI52" s="98">
        <v>6.269017951635425E-2</v>
      </c>
      <c r="AJ52" s="107">
        <v>0.71270209874800261</v>
      </c>
      <c r="AK52" s="98">
        <v>6.6613139114849701E-2</v>
      </c>
    </row>
    <row r="60" spans="1:37" ht="18.75">
      <c r="A60" s="329" t="s">
        <v>40</v>
      </c>
      <c r="B60" s="329"/>
      <c r="C60" s="329"/>
      <c r="D60" s="329"/>
      <c r="E60" s="329"/>
      <c r="F60" s="329"/>
      <c r="G60" s="329"/>
      <c r="H60" s="329"/>
      <c r="I60" s="306"/>
      <c r="J60" s="306"/>
      <c r="K60" s="306"/>
      <c r="L60" s="306"/>
      <c r="M60" s="306"/>
      <c r="N60" s="306"/>
      <c r="O60" s="307"/>
      <c r="P60" s="307"/>
      <c r="Q60" s="307"/>
      <c r="R60" s="307"/>
    </row>
    <row r="61" spans="1:37" ht="56.25" customHeight="1">
      <c r="A61" s="337" t="s">
        <v>345</v>
      </c>
      <c r="B61" s="337"/>
      <c r="C61" s="337"/>
      <c r="D61" s="337"/>
      <c r="E61" s="337"/>
      <c r="F61" s="337"/>
      <c r="G61" s="337"/>
      <c r="H61" s="337"/>
      <c r="I61" s="305"/>
      <c r="J61" s="305"/>
      <c r="K61" s="305"/>
      <c r="L61" s="305"/>
      <c r="M61" s="305"/>
      <c r="N61" s="305"/>
    </row>
    <row r="62" spans="1:37" ht="35.25" customHeight="1">
      <c r="A62" s="112"/>
      <c r="B62" s="336" t="s">
        <v>167</v>
      </c>
      <c r="C62" s="336"/>
      <c r="D62" s="336"/>
      <c r="E62" s="336"/>
      <c r="F62" s="336"/>
      <c r="G62" s="336"/>
      <c r="H62" s="336"/>
    </row>
    <row r="63" spans="1:37" ht="47.25" customHeight="1">
      <c r="A63" s="37" t="s">
        <v>114</v>
      </c>
      <c r="B63" s="38" t="s">
        <v>115</v>
      </c>
      <c r="C63" s="38" t="s">
        <v>318</v>
      </c>
      <c r="D63" s="93" t="s">
        <v>168</v>
      </c>
      <c r="E63" s="38" t="s">
        <v>319</v>
      </c>
      <c r="F63" s="93" t="s">
        <v>169</v>
      </c>
      <c r="G63" s="38" t="s">
        <v>320</v>
      </c>
      <c r="H63" s="93" t="s">
        <v>170</v>
      </c>
    </row>
    <row r="64" spans="1:37" ht="73.5" customHeight="1">
      <c r="A64" s="41"/>
      <c r="B64" s="42" t="s">
        <v>118</v>
      </c>
      <c r="C64" s="42" t="s">
        <v>321</v>
      </c>
      <c r="D64" s="95" t="s">
        <v>171</v>
      </c>
      <c r="E64" s="42" t="s">
        <v>322</v>
      </c>
      <c r="F64" s="95" t="s">
        <v>148</v>
      </c>
      <c r="G64" s="42" t="s">
        <v>323</v>
      </c>
      <c r="H64" s="95" t="s">
        <v>148</v>
      </c>
    </row>
    <row r="65" spans="1:8">
      <c r="A65" s="45" t="s">
        <v>444</v>
      </c>
      <c r="B65" s="115">
        <v>12348</v>
      </c>
      <c r="C65" s="116">
        <v>0.81615951128133957</v>
      </c>
      <c r="D65" s="98">
        <v>6.8326502823313007E-3</v>
      </c>
      <c r="E65" s="116">
        <v>7.6057290486998996E-2</v>
      </c>
      <c r="F65" s="98">
        <v>4.6788564003330179E-3</v>
      </c>
      <c r="G65" s="116">
        <v>0.10778319823166146</v>
      </c>
      <c r="H65" s="98">
        <v>5.4717089157747196E-3</v>
      </c>
    </row>
    <row r="66" spans="1:8">
      <c r="A66" s="49" t="s">
        <v>445</v>
      </c>
      <c r="B66" s="117">
        <v>1004</v>
      </c>
      <c r="C66" s="118">
        <v>0.82639472363997668</v>
      </c>
      <c r="D66" s="101">
        <v>2.345170845078582E-2</v>
      </c>
      <c r="E66" s="118">
        <v>5.5958444203406746E-2</v>
      </c>
      <c r="F66" s="101">
        <v>1.4397290508495527E-2</v>
      </c>
      <c r="G66" s="118">
        <v>0.11764683215661662</v>
      </c>
      <c r="H66" s="101">
        <v>2.0000738779882708E-2</v>
      </c>
    </row>
    <row r="67" spans="1:8">
      <c r="A67" s="53" t="s">
        <v>446</v>
      </c>
      <c r="B67" s="83">
        <v>122</v>
      </c>
      <c r="C67" s="102">
        <v>0.91078616141448532</v>
      </c>
      <c r="D67" s="98">
        <v>5.2904053657843626E-2</v>
      </c>
      <c r="E67" s="102">
        <v>2.5442444440167557E-2</v>
      </c>
      <c r="F67" s="98">
        <v>3.4423947050198273E-2</v>
      </c>
      <c r="G67" s="102">
        <v>6.3771394145347077E-2</v>
      </c>
      <c r="H67" s="98">
        <v>4.6721024257898779E-2</v>
      </c>
    </row>
    <row r="68" spans="1:8">
      <c r="A68" s="49" t="s">
        <v>447</v>
      </c>
      <c r="B68" s="117">
        <v>68</v>
      </c>
      <c r="C68" s="118">
        <v>0.64484909961460046</v>
      </c>
      <c r="D68" s="101">
        <v>0.11108713732989067</v>
      </c>
      <c r="E68" s="118">
        <v>0.18869782233788132</v>
      </c>
      <c r="F68" s="101">
        <v>9.3417392741371535E-2</v>
      </c>
      <c r="G68" s="118">
        <v>0.16645307804751819</v>
      </c>
      <c r="H68" s="101">
        <v>8.9689062801145913E-2</v>
      </c>
    </row>
    <row r="69" spans="1:8">
      <c r="A69" s="57" t="s">
        <v>448</v>
      </c>
      <c r="B69" s="115">
        <v>285</v>
      </c>
      <c r="C69" s="116">
        <v>0.83627769473544411</v>
      </c>
      <c r="D69" s="98">
        <v>4.3143108976563704E-2</v>
      </c>
      <c r="E69" s="116">
        <v>3.8083209655500334E-2</v>
      </c>
      <c r="F69" s="98">
        <v>2.3768032840525092E-2</v>
      </c>
      <c r="G69" s="116">
        <v>0.12563909560905556</v>
      </c>
      <c r="H69" s="98">
        <v>3.8877638417926817E-2</v>
      </c>
    </row>
    <row r="70" spans="1:8">
      <c r="A70" s="49" t="s">
        <v>449</v>
      </c>
      <c r="B70" s="117">
        <v>299</v>
      </c>
      <c r="C70" s="118">
        <v>0.86949317259442438</v>
      </c>
      <c r="D70" s="101">
        <v>3.8523958595061143E-2</v>
      </c>
      <c r="E70" s="118">
        <v>7.2808223517191357E-3</v>
      </c>
      <c r="F70" s="101">
        <v>1.312893892893203E-2</v>
      </c>
      <c r="G70" s="118">
        <v>0.12322600505385653</v>
      </c>
      <c r="H70" s="101">
        <v>3.764324768365121E-2</v>
      </c>
    </row>
    <row r="71" spans="1:8">
      <c r="A71" s="57" t="s">
        <v>450</v>
      </c>
      <c r="B71" s="115">
        <v>174</v>
      </c>
      <c r="C71" s="116">
        <v>0.79148057930281324</v>
      </c>
      <c r="D71" s="98">
        <v>6.0360262399467381E-2</v>
      </c>
      <c r="E71" s="116">
        <v>8.1144548342044473E-2</v>
      </c>
      <c r="F71" s="98">
        <v>4.2159445618858246E-2</v>
      </c>
      <c r="G71" s="116">
        <v>0.12737487235514225</v>
      </c>
      <c r="H71" s="98">
        <v>5.0319187667896635E-2</v>
      </c>
    </row>
  </sheetData>
  <mergeCells count="19">
    <mergeCell ref="B62:H62"/>
    <mergeCell ref="A60:H60"/>
    <mergeCell ref="A61:H61"/>
    <mergeCell ref="A41:AK41"/>
    <mergeCell ref="A42:AK42"/>
    <mergeCell ref="B43:J43"/>
    <mergeCell ref="K43:S43"/>
    <mergeCell ref="T43:AB43"/>
    <mergeCell ref="AC43:AK43"/>
    <mergeCell ref="B24:H24"/>
    <mergeCell ref="I24:O24"/>
    <mergeCell ref="P24:V24"/>
    <mergeCell ref="W24:AC24"/>
    <mergeCell ref="AD24:AJ24"/>
    <mergeCell ref="A3:D3"/>
    <mergeCell ref="A4:D4"/>
    <mergeCell ref="A5:D5"/>
    <mergeCell ref="A22:AJ22"/>
    <mergeCell ref="A23:AJ23"/>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90"/>
  <sheetViews>
    <sheetView zoomScaleNormal="100" zoomScalePageLayoutView="75" workbookViewId="0">
      <selection activeCell="C17" sqref="C17"/>
    </sheetView>
  </sheetViews>
  <sheetFormatPr defaultColWidth="22.85546875" defaultRowHeight="15"/>
  <cols>
    <col min="1" max="1" width="30" customWidth="1"/>
  </cols>
  <sheetData>
    <row r="1" spans="1:6" ht="31.5">
      <c r="A1" s="33" t="s">
        <v>49</v>
      </c>
    </row>
    <row r="3" spans="1:6" ht="18.75">
      <c r="A3" s="329" t="s">
        <v>3</v>
      </c>
      <c r="B3" s="329"/>
      <c r="C3" s="329"/>
      <c r="D3" s="329"/>
    </row>
    <row r="4" spans="1:6" ht="201" customHeight="1">
      <c r="A4" s="339" t="s">
        <v>346</v>
      </c>
      <c r="B4" s="339"/>
      <c r="C4" s="339"/>
      <c r="D4" s="339"/>
      <c r="F4" s="308"/>
    </row>
    <row r="5" spans="1:6" ht="34.5" customHeight="1">
      <c r="A5" s="340" t="s">
        <v>172</v>
      </c>
      <c r="B5" s="336"/>
      <c r="C5" s="336"/>
      <c r="D5" s="336"/>
    </row>
    <row r="6" spans="1:6" ht="43.5" customHeight="1">
      <c r="A6" s="37" t="s">
        <v>114</v>
      </c>
      <c r="B6" s="38" t="s">
        <v>115</v>
      </c>
      <c r="C6" s="39" t="s">
        <v>116</v>
      </c>
      <c r="D6" s="40" t="s">
        <v>117</v>
      </c>
    </row>
    <row r="7" spans="1:6" ht="56.25" customHeight="1">
      <c r="A7" s="41"/>
      <c r="B7" s="42" t="s">
        <v>118</v>
      </c>
      <c r="C7" s="43" t="s">
        <v>173</v>
      </c>
      <c r="D7" s="44" t="s">
        <v>120</v>
      </c>
    </row>
    <row r="8" spans="1:6">
      <c r="A8" s="45" t="s">
        <v>444</v>
      </c>
      <c r="B8" s="121">
        <v>11183</v>
      </c>
      <c r="C8" s="122">
        <v>4.0192094719401332</v>
      </c>
      <c r="D8" s="123">
        <v>3.2404363172654271E-2</v>
      </c>
    </row>
    <row r="9" spans="1:6">
      <c r="A9" s="49" t="s">
        <v>445</v>
      </c>
      <c r="B9" s="124">
        <v>887</v>
      </c>
      <c r="C9" s="125">
        <v>4.103255361686065</v>
      </c>
      <c r="D9" s="126">
        <v>0.12516911803625597</v>
      </c>
    </row>
    <row r="10" spans="1:6">
      <c r="A10" s="53" t="s">
        <v>446</v>
      </c>
      <c r="B10" s="83">
        <v>112</v>
      </c>
      <c r="C10" s="84">
        <v>4.1922927024870837</v>
      </c>
      <c r="D10" s="85">
        <v>0.29568472096581955</v>
      </c>
    </row>
    <row r="11" spans="1:6">
      <c r="A11" s="49" t="s">
        <v>447</v>
      </c>
      <c r="B11" s="124">
        <v>63</v>
      </c>
      <c r="C11" s="125">
        <v>4.3206706771493488</v>
      </c>
      <c r="D11" s="126">
        <v>0.38220025128233104</v>
      </c>
    </row>
    <row r="12" spans="1:6">
      <c r="A12" s="57" t="s">
        <v>448</v>
      </c>
      <c r="B12" s="121">
        <v>263</v>
      </c>
      <c r="C12" s="122">
        <v>3.8872561747459766</v>
      </c>
      <c r="D12" s="123">
        <v>0.17628194364580541</v>
      </c>
    </row>
    <row r="13" spans="1:6">
      <c r="A13" s="49" t="s">
        <v>449</v>
      </c>
      <c r="B13" s="124">
        <v>274</v>
      </c>
      <c r="C13" s="125">
        <v>4.0464329298952384</v>
      </c>
      <c r="D13" s="126">
        <v>0.23067619147266161</v>
      </c>
    </row>
    <row r="14" spans="1:6">
      <c r="A14" s="57" t="s">
        <v>450</v>
      </c>
      <c r="B14" s="121">
        <v>147</v>
      </c>
      <c r="C14" s="122">
        <v>4.1887539456284868</v>
      </c>
      <c r="D14" s="123">
        <v>0.33761406787477544</v>
      </c>
    </row>
    <row r="22" spans="1:17" ht="18.75">
      <c r="A22" s="329" t="s">
        <v>41</v>
      </c>
      <c r="B22" s="329"/>
      <c r="C22" s="329"/>
      <c r="D22" s="329"/>
      <c r="E22" s="329"/>
      <c r="F22" s="329"/>
      <c r="G22" s="329"/>
      <c r="H22" s="329"/>
      <c r="I22" s="329"/>
      <c r="J22" s="329"/>
      <c r="K22" s="329"/>
      <c r="L22" s="329"/>
      <c r="M22" s="329"/>
      <c r="N22" s="329"/>
      <c r="O22" s="329"/>
      <c r="P22" s="329"/>
      <c r="Q22" s="329"/>
    </row>
    <row r="23" spans="1:17" ht="58.5" customHeight="1">
      <c r="A23" s="341" t="s">
        <v>347</v>
      </c>
      <c r="B23" s="341"/>
      <c r="C23" s="341"/>
      <c r="D23" s="341"/>
      <c r="E23" s="341"/>
      <c r="F23" s="341"/>
      <c r="G23" s="341"/>
      <c r="H23" s="341"/>
      <c r="I23" s="341"/>
      <c r="J23" s="341"/>
      <c r="K23" s="341"/>
      <c r="L23" s="341"/>
      <c r="M23" s="341"/>
      <c r="N23" s="341"/>
      <c r="O23" s="341"/>
      <c r="P23" s="341"/>
      <c r="Q23" s="341"/>
    </row>
    <row r="24" spans="1:17" ht="28.5" customHeight="1">
      <c r="A24" s="112"/>
      <c r="B24" s="336" t="s">
        <v>174</v>
      </c>
      <c r="C24" s="336"/>
      <c r="D24" s="336"/>
      <c r="E24" s="336"/>
      <c r="F24" s="336"/>
      <c r="G24" s="336"/>
      <c r="H24" s="336"/>
      <c r="I24" s="336" t="s">
        <v>175</v>
      </c>
      <c r="J24" s="336"/>
      <c r="K24" s="336"/>
      <c r="L24" s="336"/>
      <c r="M24" s="336"/>
      <c r="N24" s="336"/>
      <c r="O24" s="336"/>
      <c r="P24" s="336"/>
      <c r="Q24" s="336"/>
    </row>
    <row r="25" spans="1:17" ht="39.75" customHeight="1">
      <c r="A25" s="37" t="s">
        <v>114</v>
      </c>
      <c r="B25" s="38" t="s">
        <v>115</v>
      </c>
      <c r="C25" s="38" t="s">
        <v>324</v>
      </c>
      <c r="D25" s="93" t="s">
        <v>176</v>
      </c>
      <c r="E25" s="38" t="s">
        <v>348</v>
      </c>
      <c r="F25" s="93" t="s">
        <v>177</v>
      </c>
      <c r="G25" s="38" t="s">
        <v>350</v>
      </c>
      <c r="H25" s="93" t="s">
        <v>178</v>
      </c>
      <c r="I25" s="65" t="s">
        <v>115</v>
      </c>
      <c r="J25" s="65" t="s">
        <v>325</v>
      </c>
      <c r="K25" s="92" t="s">
        <v>179</v>
      </c>
      <c r="L25" s="65" t="s">
        <v>326</v>
      </c>
      <c r="M25" s="92" t="s">
        <v>180</v>
      </c>
      <c r="N25" s="65" t="s">
        <v>327</v>
      </c>
      <c r="O25" s="92" t="s">
        <v>181</v>
      </c>
      <c r="P25" s="65" t="s">
        <v>328</v>
      </c>
      <c r="Q25" s="92" t="s">
        <v>182</v>
      </c>
    </row>
    <row r="26" spans="1:17" ht="52.5" customHeight="1">
      <c r="A26" s="41"/>
      <c r="B26" s="42" t="s">
        <v>118</v>
      </c>
      <c r="C26" s="42" t="s">
        <v>342</v>
      </c>
      <c r="D26" s="95" t="s">
        <v>148</v>
      </c>
      <c r="E26" s="42" t="s">
        <v>349</v>
      </c>
      <c r="F26" s="95" t="s">
        <v>148</v>
      </c>
      <c r="G26" s="42" t="s">
        <v>351</v>
      </c>
      <c r="H26" s="95" t="s">
        <v>148</v>
      </c>
      <c r="I26" s="68" t="s">
        <v>118</v>
      </c>
      <c r="J26" s="68" t="s">
        <v>329</v>
      </c>
      <c r="K26" s="94" t="s">
        <v>148</v>
      </c>
      <c r="L26" s="68" t="s">
        <v>330</v>
      </c>
      <c r="M26" s="94" t="s">
        <v>148</v>
      </c>
      <c r="N26" s="68" t="s">
        <v>331</v>
      </c>
      <c r="O26" s="94" t="s">
        <v>148</v>
      </c>
      <c r="P26" s="68" t="s">
        <v>332</v>
      </c>
      <c r="Q26" s="94" t="s">
        <v>148</v>
      </c>
    </row>
    <row r="27" spans="1:17">
      <c r="A27" s="45" t="s">
        <v>444</v>
      </c>
      <c r="B27" s="127">
        <v>11589</v>
      </c>
      <c r="C27" s="128">
        <v>0.3951784053389224</v>
      </c>
      <c r="D27" s="98">
        <v>8.8996983624680601E-3</v>
      </c>
      <c r="E27" s="128">
        <v>0.42140577852850603</v>
      </c>
      <c r="F27" s="98">
        <v>8.988748685575575E-3</v>
      </c>
      <c r="G27" s="128">
        <v>0.1834158161325716</v>
      </c>
      <c r="H27" s="98">
        <v>7.046561724008772E-3</v>
      </c>
      <c r="I27" s="129">
        <v>12261</v>
      </c>
      <c r="J27" s="128">
        <v>6.0030047661454727E-2</v>
      </c>
      <c r="K27" s="98">
        <v>4.2087089663192922E-3</v>
      </c>
      <c r="L27" s="128">
        <v>0.30923509369195462</v>
      </c>
      <c r="M27" s="98">
        <v>8.1800496463708804E-3</v>
      </c>
      <c r="N27" s="128">
        <v>0.49071422327194225</v>
      </c>
      <c r="O27" s="98">
        <v>8.8474362233767756E-3</v>
      </c>
      <c r="P27" s="128">
        <v>0.14002063537464846</v>
      </c>
      <c r="Q27" s="98">
        <v>6.143483235108149E-3</v>
      </c>
    </row>
    <row r="28" spans="1:17">
      <c r="A28" s="49" t="s">
        <v>445</v>
      </c>
      <c r="B28" s="130">
        <v>909</v>
      </c>
      <c r="C28" s="131">
        <v>0.35516155693770468</v>
      </c>
      <c r="D28" s="101">
        <v>3.1055101561120613E-2</v>
      </c>
      <c r="E28" s="131">
        <v>0.40309536089123993</v>
      </c>
      <c r="F28" s="101">
        <v>3.1823734571952568E-2</v>
      </c>
      <c r="G28" s="131">
        <v>0.24174308217105539</v>
      </c>
      <c r="H28" s="101">
        <v>2.7816059574979901E-2</v>
      </c>
      <c r="I28" s="132">
        <v>991</v>
      </c>
      <c r="J28" s="131">
        <v>5.6177231122656629E-2</v>
      </c>
      <c r="K28" s="101">
        <v>1.4519393171667193E-2</v>
      </c>
      <c r="L28" s="131">
        <v>0.32318877413836933</v>
      </c>
      <c r="M28" s="101">
        <v>2.9077383464165291E-2</v>
      </c>
      <c r="N28" s="131">
        <v>0.46496206104018734</v>
      </c>
      <c r="O28" s="101">
        <v>3.0992326412016963E-2</v>
      </c>
      <c r="P28" s="131">
        <v>0.15567193369878665</v>
      </c>
      <c r="Q28" s="101">
        <v>2.260847906119828E-2</v>
      </c>
    </row>
    <row r="29" spans="1:17">
      <c r="A29" s="53" t="s">
        <v>446</v>
      </c>
      <c r="B29" s="83">
        <v>112</v>
      </c>
      <c r="C29" s="102">
        <v>0.3321364999661926</v>
      </c>
      <c r="D29" s="98">
        <v>8.6077728919597682E-2</v>
      </c>
      <c r="E29" s="102">
        <v>0.41026145412030951</v>
      </c>
      <c r="F29" s="98">
        <v>8.9614131207547673E-2</v>
      </c>
      <c r="G29" s="102">
        <v>0.25760204591349789</v>
      </c>
      <c r="H29" s="98">
        <v>8.0407287653871853E-2</v>
      </c>
      <c r="I29" s="83">
        <v>123</v>
      </c>
      <c r="J29" s="102">
        <v>6.0131392433635002E-3</v>
      </c>
      <c r="K29" s="98">
        <v>2.5267466141189486E-2</v>
      </c>
      <c r="L29" s="102">
        <v>0.40488133560945022</v>
      </c>
      <c r="M29" s="98">
        <v>8.5472187182334694E-2</v>
      </c>
      <c r="N29" s="102">
        <v>0.44699033474258498</v>
      </c>
      <c r="O29" s="98">
        <v>8.650129943987149E-2</v>
      </c>
      <c r="P29" s="102">
        <v>0.1421151904046013</v>
      </c>
      <c r="Q29" s="98">
        <v>6.267453656113213E-2</v>
      </c>
    </row>
    <row r="30" spans="1:17">
      <c r="A30" s="49" t="s">
        <v>447</v>
      </c>
      <c r="B30" s="130">
        <v>63</v>
      </c>
      <c r="C30" s="131">
        <v>0.27244091006775695</v>
      </c>
      <c r="D30" s="101">
        <v>0.10820887072483779</v>
      </c>
      <c r="E30" s="131">
        <v>0.42106824025410766</v>
      </c>
      <c r="F30" s="101">
        <v>0.11839968126354598</v>
      </c>
      <c r="G30" s="131">
        <v>0.30649084967813545</v>
      </c>
      <c r="H30" s="101">
        <v>0.11151680488028394</v>
      </c>
      <c r="I30" s="132">
        <v>65</v>
      </c>
      <c r="J30" s="133">
        <v>8.6815189695623698E-2</v>
      </c>
      <c r="K30" s="101">
        <v>7.4053588489290084E-2</v>
      </c>
      <c r="L30" s="131">
        <v>0.24867363175033347</v>
      </c>
      <c r="M30" s="101">
        <v>0.10391355998803446</v>
      </c>
      <c r="N30" s="131">
        <v>0.43475853747633819</v>
      </c>
      <c r="O30" s="101">
        <v>0.11708347761804043</v>
      </c>
      <c r="P30" s="131">
        <v>0.2297526410777046</v>
      </c>
      <c r="Q30" s="101">
        <v>0.10154034677079593</v>
      </c>
    </row>
    <row r="31" spans="1:17">
      <c r="A31" s="57" t="s">
        <v>448</v>
      </c>
      <c r="B31" s="127">
        <v>264</v>
      </c>
      <c r="C31" s="128">
        <v>0.42680090616304101</v>
      </c>
      <c r="D31" s="98">
        <v>5.9237258483966632E-2</v>
      </c>
      <c r="E31" s="128">
        <v>0.42284300060101021</v>
      </c>
      <c r="F31" s="98">
        <v>5.9167349422685485E-2</v>
      </c>
      <c r="G31" s="128">
        <v>0.15035609323594878</v>
      </c>
      <c r="H31" s="98">
        <v>4.3394904023226454E-2</v>
      </c>
      <c r="I31" s="129">
        <v>284</v>
      </c>
      <c r="J31" s="128">
        <v>5.1349101229942185E-2</v>
      </c>
      <c r="K31" s="98">
        <v>2.6904144857412896E-2</v>
      </c>
      <c r="L31" s="128">
        <v>0.35000035140855146</v>
      </c>
      <c r="M31" s="98">
        <v>5.5162283316797504E-2</v>
      </c>
      <c r="N31" s="128">
        <v>0.49519919551130576</v>
      </c>
      <c r="O31" s="98">
        <v>5.7744465290130019E-2</v>
      </c>
      <c r="P31" s="128">
        <v>0.10345135185020059</v>
      </c>
      <c r="Q31" s="98">
        <v>3.5986546981350252E-2</v>
      </c>
    </row>
    <row r="32" spans="1:17">
      <c r="A32" s="49" t="s">
        <v>449</v>
      </c>
      <c r="B32" s="130">
        <v>274</v>
      </c>
      <c r="C32" s="131">
        <v>0.37422116411039896</v>
      </c>
      <c r="D32" s="101">
        <v>5.6941249026559886E-2</v>
      </c>
      <c r="E32" s="131">
        <v>0.37645340172198094</v>
      </c>
      <c r="F32" s="101">
        <v>5.7006815063614318E-2</v>
      </c>
      <c r="G32" s="131">
        <v>0.24932543416762004</v>
      </c>
      <c r="H32" s="101">
        <v>5.1099397391044125E-2</v>
      </c>
      <c r="I32" s="132">
        <v>296</v>
      </c>
      <c r="J32" s="131">
        <v>7.4479526138556643E-2</v>
      </c>
      <c r="K32" s="101">
        <v>3.0726525987523901E-2</v>
      </c>
      <c r="L32" s="131">
        <v>0.29931752598665179</v>
      </c>
      <c r="M32" s="101">
        <v>5.1954586232934155E-2</v>
      </c>
      <c r="N32" s="131">
        <v>0.45804686075521456</v>
      </c>
      <c r="O32" s="101">
        <v>5.6386098602166729E-2</v>
      </c>
      <c r="P32" s="131">
        <v>0.168156087119577</v>
      </c>
      <c r="Q32" s="101">
        <v>4.2761640026586833E-2</v>
      </c>
    </row>
    <row r="33" spans="1:17">
      <c r="A33" s="57" t="s">
        <v>450</v>
      </c>
      <c r="B33" s="127">
        <v>147</v>
      </c>
      <c r="C33" s="128">
        <v>0.31486414827272696</v>
      </c>
      <c r="D33" s="98">
        <v>7.4389865680191222E-2</v>
      </c>
      <c r="E33" s="128">
        <v>0.42139983161460731</v>
      </c>
      <c r="F33" s="98">
        <v>7.8811846904957919E-2</v>
      </c>
      <c r="G33" s="128">
        <v>0.26373602011266567</v>
      </c>
      <c r="H33" s="98">
        <v>7.0812219666008536E-2</v>
      </c>
      <c r="I33" s="129">
        <v>168</v>
      </c>
      <c r="J33" s="128">
        <v>9.0288692870291579E-2</v>
      </c>
      <c r="K33" s="98">
        <v>4.479806365679815E-2</v>
      </c>
      <c r="L33" s="128">
        <v>0.30804120108285843</v>
      </c>
      <c r="M33" s="98">
        <v>6.9271603562856651E-2</v>
      </c>
      <c r="N33" s="128">
        <v>0.45530008267356414</v>
      </c>
      <c r="O33" s="98">
        <v>7.4438871052247002E-2</v>
      </c>
      <c r="P33" s="128">
        <v>0.14637002337328578</v>
      </c>
      <c r="Q33" s="98">
        <v>5.4028237561828139E-2</v>
      </c>
    </row>
    <row r="41" spans="1:17" ht="18.75">
      <c r="A41" s="329" t="s">
        <v>42</v>
      </c>
      <c r="B41" s="329"/>
      <c r="C41" s="329"/>
      <c r="D41" s="329"/>
      <c r="E41" s="329"/>
      <c r="F41" s="329"/>
      <c r="G41" s="329"/>
      <c r="H41" s="329"/>
      <c r="I41" s="329"/>
      <c r="J41" s="329"/>
    </row>
    <row r="42" spans="1:17" ht="69.75" customHeight="1">
      <c r="A42" s="345" t="s">
        <v>352</v>
      </c>
      <c r="B42" s="345"/>
      <c r="C42" s="345"/>
      <c r="D42" s="345"/>
      <c r="E42" s="345"/>
      <c r="F42" s="345"/>
      <c r="G42" s="345"/>
      <c r="H42" s="345"/>
      <c r="I42" s="345"/>
      <c r="J42" s="345"/>
    </row>
    <row r="43" spans="1:17" ht="15.75" customHeight="1">
      <c r="A43" s="112"/>
      <c r="B43" s="342" t="s">
        <v>183</v>
      </c>
      <c r="C43" s="342"/>
      <c r="D43" s="342"/>
      <c r="E43" s="343" t="s">
        <v>184</v>
      </c>
      <c r="F43" s="344"/>
      <c r="G43" s="344"/>
      <c r="H43" s="344"/>
      <c r="I43" s="344"/>
      <c r="J43" s="344"/>
    </row>
    <row r="44" spans="1:17" ht="39" customHeight="1">
      <c r="A44" s="37" t="s">
        <v>114</v>
      </c>
      <c r="B44" s="38" t="s">
        <v>115</v>
      </c>
      <c r="C44" s="39" t="s">
        <v>116</v>
      </c>
      <c r="D44" s="40" t="s">
        <v>117</v>
      </c>
      <c r="E44" s="38" t="s">
        <v>359</v>
      </c>
      <c r="F44" s="93" t="s">
        <v>185</v>
      </c>
      <c r="G44" s="38" t="s">
        <v>360</v>
      </c>
      <c r="H44" s="93" t="s">
        <v>186</v>
      </c>
      <c r="I44" s="38" t="s">
        <v>361</v>
      </c>
      <c r="J44" s="93" t="s">
        <v>187</v>
      </c>
    </row>
    <row r="45" spans="1:17" ht="60">
      <c r="A45" s="41"/>
      <c r="B45" s="42" t="s">
        <v>118</v>
      </c>
      <c r="C45" s="43" t="s">
        <v>355</v>
      </c>
      <c r="D45" s="44" t="s">
        <v>120</v>
      </c>
      <c r="E45" s="134" t="s">
        <v>333</v>
      </c>
      <c r="F45" s="95" t="s">
        <v>148</v>
      </c>
      <c r="G45" s="42" t="s">
        <v>353</v>
      </c>
      <c r="H45" s="95" t="s">
        <v>148</v>
      </c>
      <c r="I45" s="42" t="s">
        <v>354</v>
      </c>
      <c r="J45" s="95" t="s">
        <v>148</v>
      </c>
    </row>
    <row r="46" spans="1:17">
      <c r="A46" s="45" t="s">
        <v>444</v>
      </c>
      <c r="B46" s="135">
        <v>11858</v>
      </c>
      <c r="C46" s="136">
        <v>0.77548608800643792</v>
      </c>
      <c r="D46" s="137">
        <v>3.2101922093001778E-2</v>
      </c>
      <c r="E46" s="138">
        <v>0.56602616126607597</v>
      </c>
      <c r="F46" s="98">
        <v>8.7743816442570448E-3</v>
      </c>
      <c r="G46" s="138">
        <v>0.22525819226624674</v>
      </c>
      <c r="H46" s="98">
        <v>7.3968030445866213E-3</v>
      </c>
      <c r="I46" s="138">
        <v>0.20871564646767732</v>
      </c>
      <c r="J46" s="98">
        <v>7.1958244499205999E-3</v>
      </c>
    </row>
    <row r="47" spans="1:17">
      <c r="A47" s="49" t="s">
        <v>445</v>
      </c>
      <c r="B47" s="139">
        <v>970</v>
      </c>
      <c r="C47" s="140">
        <v>0.79843124797964082</v>
      </c>
      <c r="D47" s="141">
        <v>0.12587898021366117</v>
      </c>
      <c r="E47" s="142">
        <v>0.5556805767327313</v>
      </c>
      <c r="F47" s="101">
        <v>3.0829953594662441E-2</v>
      </c>
      <c r="G47" s="142">
        <v>0.23338889042625335</v>
      </c>
      <c r="H47" s="101">
        <v>2.6284970908772638E-2</v>
      </c>
      <c r="I47" s="142">
        <v>0.21093053284101529</v>
      </c>
      <c r="J47" s="101">
        <v>2.5362295043963513E-2</v>
      </c>
    </row>
    <row r="48" spans="1:17">
      <c r="A48" s="53" t="s">
        <v>446</v>
      </c>
      <c r="B48" s="83">
        <v>123</v>
      </c>
      <c r="C48" s="136">
        <v>0.90451054794228281</v>
      </c>
      <c r="D48" s="85">
        <v>0.31483962905374385</v>
      </c>
      <c r="E48" s="102">
        <v>0.51370644798352405</v>
      </c>
      <c r="F48" s="98">
        <v>8.6930284188563425E-2</v>
      </c>
      <c r="G48" s="102">
        <v>0.24779570857641803</v>
      </c>
      <c r="H48" s="98">
        <v>7.5877918257959309E-2</v>
      </c>
      <c r="I48" s="102">
        <v>0.23849784344005789</v>
      </c>
      <c r="J48" s="98">
        <v>7.4979574453722608E-2</v>
      </c>
    </row>
    <row r="49" spans="1:10">
      <c r="A49" s="49" t="s">
        <v>447</v>
      </c>
      <c r="B49" s="139">
        <v>66</v>
      </c>
      <c r="C49" s="140">
        <v>0.61830365762391415</v>
      </c>
      <c r="D49" s="141">
        <v>0.2911859653703921</v>
      </c>
      <c r="E49" s="142">
        <v>0.62842035454361023</v>
      </c>
      <c r="F49" s="101">
        <v>0.11364599362396152</v>
      </c>
      <c r="G49" s="142">
        <v>0.18633045651540467</v>
      </c>
      <c r="H49" s="101">
        <v>9.444520394057182E-2</v>
      </c>
      <c r="I49" s="142">
        <v>0.18524918894098508</v>
      </c>
      <c r="J49" s="101">
        <v>9.4269539650380083E-2</v>
      </c>
    </row>
    <row r="50" spans="1:10">
      <c r="A50" s="57" t="s">
        <v>448</v>
      </c>
      <c r="B50" s="135">
        <v>283</v>
      </c>
      <c r="C50" s="136">
        <v>0.77739043416376741</v>
      </c>
      <c r="D50" s="137">
        <v>0.19097166522288667</v>
      </c>
      <c r="E50" s="138">
        <v>0.53938476640352584</v>
      </c>
      <c r="F50" s="98">
        <v>5.7672812864448773E-2</v>
      </c>
      <c r="G50" s="138">
        <v>0.27344932456865562</v>
      </c>
      <c r="H50" s="98">
        <v>5.1752790576161931E-2</v>
      </c>
      <c r="I50" s="138">
        <v>0.18716590902781857</v>
      </c>
      <c r="J50" s="98">
        <v>4.5526261834628344E-2</v>
      </c>
    </row>
    <row r="51" spans="1:10">
      <c r="A51" s="49" t="s">
        <v>449</v>
      </c>
      <c r="B51" s="139">
        <v>299</v>
      </c>
      <c r="C51" s="140">
        <v>0.894572610667693</v>
      </c>
      <c r="D51" s="141">
        <v>0.25931442768653035</v>
      </c>
      <c r="E51" s="142">
        <v>0.54918159556371071</v>
      </c>
      <c r="F51" s="101">
        <v>5.6033686937406277E-2</v>
      </c>
      <c r="G51" s="142">
        <v>0.21491485878270267</v>
      </c>
      <c r="H51" s="101">
        <v>4.654280859749739E-2</v>
      </c>
      <c r="I51" s="142">
        <v>0.23590354565358662</v>
      </c>
      <c r="J51" s="101">
        <v>4.8047274228931951E-2</v>
      </c>
    </row>
    <row r="52" spans="1:10">
      <c r="A52" s="57" t="s">
        <v>450</v>
      </c>
      <c r="B52" s="135">
        <v>166</v>
      </c>
      <c r="C52" s="136">
        <v>0.62986464478676352</v>
      </c>
      <c r="D52" s="137">
        <v>0.2631224750016099</v>
      </c>
      <c r="E52" s="138">
        <v>0.57718301343122858</v>
      </c>
      <c r="F52" s="98">
        <v>7.4303789618305777E-2</v>
      </c>
      <c r="G52" s="138">
        <v>0.22805870951277205</v>
      </c>
      <c r="H52" s="98">
        <v>6.3686622598714576E-2</v>
      </c>
      <c r="I52" s="138">
        <v>0.19475827705599949</v>
      </c>
      <c r="J52" s="98">
        <v>6.034772576657195E-2</v>
      </c>
    </row>
    <row r="60" spans="1:10" ht="18.75">
      <c r="A60" s="329" t="s">
        <v>14</v>
      </c>
      <c r="B60" s="329"/>
      <c r="C60" s="329"/>
      <c r="D60" s="329"/>
    </row>
    <row r="61" spans="1:10" ht="132.75" customHeight="1">
      <c r="A61" s="341" t="s">
        <v>356</v>
      </c>
      <c r="B61" s="341"/>
      <c r="C61" s="341"/>
      <c r="D61" s="341"/>
    </row>
    <row r="62" spans="1:10" ht="37.5" customHeight="1">
      <c r="A62" s="336" t="s">
        <v>188</v>
      </c>
      <c r="B62" s="336"/>
      <c r="C62" s="336"/>
      <c r="D62" s="336"/>
    </row>
    <row r="63" spans="1:10" ht="36" customHeight="1">
      <c r="A63" s="37" t="s">
        <v>114</v>
      </c>
      <c r="B63" s="38" t="s">
        <v>115</v>
      </c>
      <c r="C63" s="39" t="s">
        <v>116</v>
      </c>
      <c r="D63" s="40" t="s">
        <v>117</v>
      </c>
    </row>
    <row r="64" spans="1:10" ht="60">
      <c r="A64" s="41"/>
      <c r="B64" s="42" t="s">
        <v>118</v>
      </c>
      <c r="C64" s="43" t="s">
        <v>189</v>
      </c>
      <c r="D64" s="44" t="s">
        <v>120</v>
      </c>
    </row>
    <row r="65" spans="1:29">
      <c r="A65" s="45" t="s">
        <v>444</v>
      </c>
      <c r="B65" s="143">
        <v>12081</v>
      </c>
      <c r="C65" s="144">
        <v>3.6592151299332296</v>
      </c>
      <c r="D65" s="145">
        <v>3.1248550550141196E-2</v>
      </c>
    </row>
    <row r="66" spans="1:29">
      <c r="A66" s="49" t="s">
        <v>445</v>
      </c>
      <c r="B66" s="146">
        <v>956</v>
      </c>
      <c r="C66" s="147">
        <v>3.4260052160641532</v>
      </c>
      <c r="D66" s="148">
        <v>0.11870360943606872</v>
      </c>
    </row>
    <row r="67" spans="1:29">
      <c r="A67" s="53" t="s">
        <v>446</v>
      </c>
      <c r="B67" s="83">
        <v>125</v>
      </c>
      <c r="C67" s="84">
        <v>3.1193451214110666</v>
      </c>
      <c r="D67" s="145">
        <v>0.25027848553074294</v>
      </c>
    </row>
    <row r="68" spans="1:29">
      <c r="A68" s="49" t="s">
        <v>447</v>
      </c>
      <c r="B68" s="146">
        <v>65</v>
      </c>
      <c r="C68" s="147">
        <v>3.3109097917791677</v>
      </c>
      <c r="D68" s="148">
        <v>0.41441219109604921</v>
      </c>
    </row>
    <row r="69" spans="1:29">
      <c r="A69" s="57" t="s">
        <v>448</v>
      </c>
      <c r="B69" s="143">
        <v>276</v>
      </c>
      <c r="C69" s="144">
        <v>3.4885412532272464</v>
      </c>
      <c r="D69" s="145">
        <v>0.18609009984917657</v>
      </c>
    </row>
    <row r="70" spans="1:29">
      <c r="A70" s="49" t="s">
        <v>449</v>
      </c>
      <c r="B70" s="146">
        <v>288</v>
      </c>
      <c r="C70" s="147">
        <v>3.4695251251188823</v>
      </c>
      <c r="D70" s="148">
        <v>0.17259322394371646</v>
      </c>
    </row>
    <row r="71" spans="1:29">
      <c r="A71" s="57" t="s">
        <v>450</v>
      </c>
      <c r="B71" s="143">
        <v>170</v>
      </c>
      <c r="C71" s="144">
        <v>3.9535905541951584</v>
      </c>
      <c r="D71" s="145">
        <v>0.38483522229643397</v>
      </c>
    </row>
    <row r="79" spans="1:29" ht="18.75">
      <c r="A79" s="329" t="s">
        <v>43</v>
      </c>
      <c r="B79" s="329"/>
      <c r="C79" s="329"/>
      <c r="D79" s="329"/>
      <c r="E79" s="329"/>
      <c r="F79" s="329"/>
      <c r="G79" s="329"/>
      <c r="H79" s="329"/>
      <c r="I79" s="329"/>
      <c r="J79" s="329"/>
      <c r="K79" s="329"/>
      <c r="L79" s="329"/>
      <c r="M79" s="329"/>
      <c r="N79" s="329"/>
      <c r="O79" s="329"/>
      <c r="P79" s="329"/>
      <c r="Q79" s="329"/>
      <c r="R79" s="329"/>
      <c r="S79" s="329"/>
      <c r="T79" s="329"/>
      <c r="U79" s="329"/>
      <c r="V79" s="329"/>
      <c r="W79" s="329"/>
      <c r="X79" s="329"/>
      <c r="Y79" s="329"/>
      <c r="Z79" s="329"/>
      <c r="AA79" s="329"/>
      <c r="AB79" s="329"/>
      <c r="AC79" s="329"/>
    </row>
    <row r="80" spans="1:29" ht="57.75" customHeight="1">
      <c r="A80" s="347" t="s">
        <v>358</v>
      </c>
      <c r="B80" s="347"/>
      <c r="C80" s="347"/>
      <c r="D80" s="347"/>
      <c r="E80" s="347"/>
      <c r="F80" s="347"/>
      <c r="G80" s="347"/>
      <c r="H80" s="347"/>
      <c r="I80" s="347"/>
      <c r="J80" s="347"/>
      <c r="K80" s="347"/>
      <c r="L80" s="347"/>
      <c r="M80" s="347"/>
      <c r="N80" s="347"/>
      <c r="O80" s="347"/>
      <c r="P80" s="347"/>
      <c r="Q80" s="347"/>
      <c r="R80" s="347"/>
      <c r="S80" s="347"/>
      <c r="T80" s="347"/>
      <c r="U80" s="347"/>
      <c r="V80" s="347"/>
      <c r="W80" s="347"/>
      <c r="X80" s="347"/>
      <c r="Y80" s="347"/>
      <c r="Z80" s="347"/>
      <c r="AA80" s="347"/>
      <c r="AB80" s="347"/>
      <c r="AC80" s="347"/>
    </row>
    <row r="81" spans="1:29" ht="41.25" customHeight="1">
      <c r="A81" s="64"/>
      <c r="B81" s="346" t="s">
        <v>430</v>
      </c>
      <c r="C81" s="346"/>
      <c r="D81" s="346"/>
      <c r="E81" s="346"/>
      <c r="F81" s="346"/>
      <c r="G81" s="346"/>
      <c r="H81" s="346"/>
      <c r="I81" s="346" t="s">
        <v>190</v>
      </c>
      <c r="J81" s="346"/>
      <c r="K81" s="346"/>
      <c r="L81" s="346"/>
      <c r="M81" s="346"/>
      <c r="N81" s="346"/>
      <c r="O81" s="346"/>
      <c r="P81" s="346" t="s">
        <v>357</v>
      </c>
      <c r="Q81" s="346"/>
      <c r="R81" s="346"/>
      <c r="S81" s="346"/>
      <c r="T81" s="346"/>
      <c r="U81" s="346"/>
      <c r="V81" s="346"/>
      <c r="W81" s="346" t="s">
        <v>191</v>
      </c>
      <c r="X81" s="346"/>
      <c r="Y81" s="346"/>
      <c r="Z81" s="346"/>
      <c r="AA81" s="346"/>
      <c r="AB81" s="346"/>
      <c r="AC81" s="346"/>
    </row>
    <row r="82" spans="1:29" ht="40.5" customHeight="1">
      <c r="A82" s="37" t="s">
        <v>114</v>
      </c>
      <c r="B82" s="38" t="s">
        <v>115</v>
      </c>
      <c r="C82" s="38" t="s">
        <v>300</v>
      </c>
      <c r="D82" s="93" t="s">
        <v>145</v>
      </c>
      <c r="E82" s="38" t="s">
        <v>301</v>
      </c>
      <c r="F82" s="93" t="s">
        <v>146</v>
      </c>
      <c r="G82" s="38" t="s">
        <v>302</v>
      </c>
      <c r="H82" s="93" t="s">
        <v>147</v>
      </c>
      <c r="I82" s="65" t="s">
        <v>115</v>
      </c>
      <c r="J82" s="65" t="s">
        <v>300</v>
      </c>
      <c r="K82" s="92" t="s">
        <v>145</v>
      </c>
      <c r="L82" s="65" t="s">
        <v>301</v>
      </c>
      <c r="M82" s="92" t="s">
        <v>146</v>
      </c>
      <c r="N82" s="65" t="s">
        <v>302</v>
      </c>
      <c r="O82" s="92" t="s">
        <v>147</v>
      </c>
      <c r="P82" s="38" t="s">
        <v>115</v>
      </c>
      <c r="Q82" s="38" t="s">
        <v>300</v>
      </c>
      <c r="R82" s="93" t="s">
        <v>145</v>
      </c>
      <c r="S82" s="38" t="s">
        <v>301</v>
      </c>
      <c r="T82" s="93" t="s">
        <v>146</v>
      </c>
      <c r="U82" s="38" t="s">
        <v>302</v>
      </c>
      <c r="V82" s="93" t="s">
        <v>147</v>
      </c>
      <c r="W82" s="65" t="s">
        <v>115</v>
      </c>
      <c r="X82" s="65" t="s">
        <v>300</v>
      </c>
      <c r="Y82" s="92" t="s">
        <v>145</v>
      </c>
      <c r="Z82" s="65" t="s">
        <v>301</v>
      </c>
      <c r="AA82" s="92" t="s">
        <v>146</v>
      </c>
      <c r="AB82" s="65" t="s">
        <v>302</v>
      </c>
      <c r="AC82" s="92" t="s">
        <v>147</v>
      </c>
    </row>
    <row r="83" spans="1:29" ht="55.5" customHeight="1">
      <c r="A83" s="41"/>
      <c r="B83" s="42" t="s">
        <v>118</v>
      </c>
      <c r="C83" s="42" t="s">
        <v>303</v>
      </c>
      <c r="D83" s="95" t="s">
        <v>148</v>
      </c>
      <c r="E83" s="42" t="s">
        <v>304</v>
      </c>
      <c r="F83" s="95" t="s">
        <v>148</v>
      </c>
      <c r="G83" s="42" t="s">
        <v>305</v>
      </c>
      <c r="H83" s="95" t="s">
        <v>148</v>
      </c>
      <c r="I83" s="68" t="s">
        <v>118</v>
      </c>
      <c r="J83" s="68" t="s">
        <v>303</v>
      </c>
      <c r="K83" s="94" t="s">
        <v>148</v>
      </c>
      <c r="L83" s="68" t="s">
        <v>304</v>
      </c>
      <c r="M83" s="94" t="s">
        <v>148</v>
      </c>
      <c r="N83" s="68" t="s">
        <v>305</v>
      </c>
      <c r="O83" s="94" t="s">
        <v>148</v>
      </c>
      <c r="P83" s="42" t="s">
        <v>118</v>
      </c>
      <c r="Q83" s="42" t="s">
        <v>303</v>
      </c>
      <c r="R83" s="95" t="s">
        <v>148</v>
      </c>
      <c r="S83" s="42" t="s">
        <v>304</v>
      </c>
      <c r="T83" s="95" t="s">
        <v>148</v>
      </c>
      <c r="U83" s="42" t="s">
        <v>305</v>
      </c>
      <c r="V83" s="95" t="s">
        <v>148</v>
      </c>
      <c r="W83" s="68" t="s">
        <v>118</v>
      </c>
      <c r="X83" s="68" t="s">
        <v>303</v>
      </c>
      <c r="Y83" s="94" t="s">
        <v>148</v>
      </c>
      <c r="Z83" s="68" t="s">
        <v>304</v>
      </c>
      <c r="AA83" s="94" t="s">
        <v>148</v>
      </c>
      <c r="AB83" s="68" t="s">
        <v>305</v>
      </c>
      <c r="AC83" s="94" t="s">
        <v>148</v>
      </c>
    </row>
    <row r="84" spans="1:29">
      <c r="A84" s="45" t="s">
        <v>444</v>
      </c>
      <c r="B84" s="149">
        <v>12994</v>
      </c>
      <c r="C84" s="150">
        <v>0.30157218911244787</v>
      </c>
      <c r="D84" s="98">
        <v>7.8904030881576225E-3</v>
      </c>
      <c r="E84" s="150">
        <v>0.21643817540396107</v>
      </c>
      <c r="F84" s="98">
        <v>7.0808389798131073E-3</v>
      </c>
      <c r="G84" s="150">
        <v>0.48198963548359103</v>
      </c>
      <c r="H84" s="98">
        <v>8.5902549420293489E-3</v>
      </c>
      <c r="I84" s="149">
        <v>12227</v>
      </c>
      <c r="J84" s="150">
        <v>0.43236560523333667</v>
      </c>
      <c r="K84" s="98">
        <v>8.7798613112399278E-3</v>
      </c>
      <c r="L84" s="150">
        <v>0.26461043340533963</v>
      </c>
      <c r="M84" s="98">
        <v>7.8185772937253897E-3</v>
      </c>
      <c r="N84" s="150">
        <v>0.3030239613613237</v>
      </c>
      <c r="O84" s="98">
        <v>8.1451405804510088E-3</v>
      </c>
      <c r="P84" s="149">
        <v>12328</v>
      </c>
      <c r="Q84" s="150">
        <v>0.68695975716820068</v>
      </c>
      <c r="R84" s="98">
        <v>8.185174438651634E-3</v>
      </c>
      <c r="S84" s="150">
        <v>0.17304688418317557</v>
      </c>
      <c r="T84" s="98">
        <v>6.678314020086046E-3</v>
      </c>
      <c r="U84" s="150">
        <v>0.13999335864862369</v>
      </c>
      <c r="V84" s="98">
        <v>6.1262610371340676E-3</v>
      </c>
      <c r="W84" s="149">
        <v>12321</v>
      </c>
      <c r="X84" s="150">
        <v>0.39700833910139693</v>
      </c>
      <c r="Y84" s="98">
        <v>8.6382211656053833E-3</v>
      </c>
      <c r="Z84" s="150">
        <v>0.23982893739679853</v>
      </c>
      <c r="AA84" s="98">
        <v>7.5391326073517145E-3</v>
      </c>
      <c r="AB84" s="150">
        <v>0.36316272350180451</v>
      </c>
      <c r="AC84" s="98">
        <v>8.4906098845973169E-3</v>
      </c>
    </row>
    <row r="85" spans="1:29">
      <c r="A85" s="49" t="s">
        <v>445</v>
      </c>
      <c r="B85" s="151">
        <v>1020</v>
      </c>
      <c r="C85" s="152">
        <v>0.32772899475980499</v>
      </c>
      <c r="D85" s="101">
        <v>2.8764952591435109E-2</v>
      </c>
      <c r="E85" s="152">
        <v>0.26595836009511059</v>
      </c>
      <c r="F85" s="101">
        <v>2.7092420295812061E-2</v>
      </c>
      <c r="G85" s="152">
        <v>0.40631264514508453</v>
      </c>
      <c r="H85" s="101">
        <v>3.0086852800960445E-2</v>
      </c>
      <c r="I85" s="151">
        <v>954</v>
      </c>
      <c r="J85" s="152">
        <v>0.46162011433507627</v>
      </c>
      <c r="K85" s="101">
        <v>3.1569726307298915E-2</v>
      </c>
      <c r="L85" s="152">
        <v>0.29546433438460545</v>
      </c>
      <c r="M85" s="101">
        <v>2.8916165469277329E-2</v>
      </c>
      <c r="N85" s="152">
        <v>0.24291555128031828</v>
      </c>
      <c r="O85" s="101">
        <v>2.7197092679322528E-2</v>
      </c>
      <c r="P85" s="151">
        <v>978</v>
      </c>
      <c r="Q85" s="152">
        <v>0.75974638034751318</v>
      </c>
      <c r="R85" s="101">
        <v>2.6762161029946097E-2</v>
      </c>
      <c r="S85" s="152">
        <v>0.12780741749074639</v>
      </c>
      <c r="T85" s="101">
        <v>2.0987824825999809E-2</v>
      </c>
      <c r="U85" s="152">
        <v>0.11244620216174041</v>
      </c>
      <c r="V85" s="101">
        <v>1.9879745670862165E-2</v>
      </c>
      <c r="W85" s="151">
        <v>976</v>
      </c>
      <c r="X85" s="152">
        <v>0.53613526527663047</v>
      </c>
      <c r="Y85" s="101">
        <v>3.1223759062099139E-2</v>
      </c>
      <c r="Z85" s="152">
        <v>0.22959897095268392</v>
      </c>
      <c r="AA85" s="101">
        <v>2.6376456002284908E-2</v>
      </c>
      <c r="AB85" s="152">
        <v>0.23426576377068559</v>
      </c>
      <c r="AC85" s="101">
        <v>2.6560223942078538E-2</v>
      </c>
    </row>
    <row r="86" spans="1:29">
      <c r="A86" s="53" t="s">
        <v>446</v>
      </c>
      <c r="B86" s="83">
        <v>128</v>
      </c>
      <c r="C86" s="102">
        <v>0.36583558667670013</v>
      </c>
      <c r="D86" s="98">
        <v>8.23599920549061E-2</v>
      </c>
      <c r="E86" s="102">
        <v>0.26740122080462619</v>
      </c>
      <c r="F86" s="98">
        <v>7.6126214361596001E-2</v>
      </c>
      <c r="G86" s="102">
        <v>0.36676319251867362</v>
      </c>
      <c r="H86" s="98">
        <v>8.2401190635006949E-2</v>
      </c>
      <c r="I86" s="83">
        <v>118</v>
      </c>
      <c r="J86" s="102">
        <v>0.61714194157236824</v>
      </c>
      <c r="K86" s="98">
        <v>8.6417056768162151E-2</v>
      </c>
      <c r="L86" s="102">
        <v>0.25414530146672981</v>
      </c>
      <c r="M86" s="98">
        <v>7.804859466561552E-2</v>
      </c>
      <c r="N86" s="102">
        <v>0.12871275696090187</v>
      </c>
      <c r="O86" s="98">
        <v>6.1735591609450288E-2</v>
      </c>
      <c r="P86" s="83">
        <v>126</v>
      </c>
      <c r="Q86" s="102">
        <v>0.8123697915812873</v>
      </c>
      <c r="R86" s="98">
        <v>6.8403145303409046E-2</v>
      </c>
      <c r="S86" s="102">
        <v>0.1090679691496394</v>
      </c>
      <c r="T86" s="98">
        <v>5.6081680002696706E-2</v>
      </c>
      <c r="U86" s="102">
        <v>7.8562239269073311E-2</v>
      </c>
      <c r="V86" s="98">
        <v>4.9570177288865903E-2</v>
      </c>
      <c r="W86" s="83">
        <v>125</v>
      </c>
      <c r="X86" s="102">
        <v>0.6010406533721312</v>
      </c>
      <c r="Y86" s="98">
        <v>8.4613796880150777E-2</v>
      </c>
      <c r="Z86" s="102">
        <v>0.31556675677742013</v>
      </c>
      <c r="AA86" s="98">
        <v>8.0584290121781102E-2</v>
      </c>
      <c r="AB86" s="102">
        <v>8.339258985044877E-2</v>
      </c>
      <c r="AC86" s="98">
        <v>5.0910569286515238E-2</v>
      </c>
    </row>
    <row r="87" spans="1:29">
      <c r="A87" s="49" t="s">
        <v>447</v>
      </c>
      <c r="B87" s="151">
        <v>67</v>
      </c>
      <c r="C87" s="152">
        <v>0.4637265741574399</v>
      </c>
      <c r="D87" s="101">
        <v>0.11603173821110022</v>
      </c>
      <c r="E87" s="152">
        <v>0.22402273539773349</v>
      </c>
      <c r="F87" s="101">
        <v>9.928261334800853E-2</v>
      </c>
      <c r="G87" s="152">
        <v>0.31225069044482662</v>
      </c>
      <c r="H87" s="101">
        <v>0.10875820519283103</v>
      </c>
      <c r="I87" s="151">
        <v>63</v>
      </c>
      <c r="J87" s="152">
        <v>0.39548236124971942</v>
      </c>
      <c r="K87" s="101">
        <v>0.1173905220013752</v>
      </c>
      <c r="L87" s="152">
        <v>0.23450946962182562</v>
      </c>
      <c r="M87" s="101">
        <v>0.10373547874294313</v>
      </c>
      <c r="N87" s="152">
        <v>0.37000816912845508</v>
      </c>
      <c r="O87" s="101">
        <v>0.11609342453110469</v>
      </c>
      <c r="P87" s="151">
        <v>67</v>
      </c>
      <c r="Q87" s="152">
        <v>0.67658607547614391</v>
      </c>
      <c r="R87" s="101">
        <v>0.10965542396411868</v>
      </c>
      <c r="S87" s="152">
        <v>0.13480114240977495</v>
      </c>
      <c r="T87" s="101">
        <v>8.4265589181111294E-2</v>
      </c>
      <c r="U87" s="152">
        <v>0.18861278211408114</v>
      </c>
      <c r="V87" s="101">
        <v>9.4100570114393239E-2</v>
      </c>
      <c r="W87" s="151">
        <v>65</v>
      </c>
      <c r="X87" s="152">
        <v>0.53826557626081295</v>
      </c>
      <c r="Y87" s="101">
        <v>0.11767113346050533</v>
      </c>
      <c r="Z87" s="152">
        <v>0.32318635692279107</v>
      </c>
      <c r="AA87" s="101">
        <v>0.11123945043988842</v>
      </c>
      <c r="AB87" s="152">
        <v>0.13854806681639592</v>
      </c>
      <c r="AC87" s="101">
        <v>8.6393827782515434E-2</v>
      </c>
    </row>
    <row r="88" spans="1:29">
      <c r="A88" s="57" t="s">
        <v>448</v>
      </c>
      <c r="B88" s="149">
        <v>289</v>
      </c>
      <c r="C88" s="150">
        <v>0.28799444750681646</v>
      </c>
      <c r="D88" s="98">
        <v>5.2004736351534915E-2</v>
      </c>
      <c r="E88" s="150">
        <v>0.26212789453303531</v>
      </c>
      <c r="F88" s="98">
        <v>5.0557462798892859E-2</v>
      </c>
      <c r="G88" s="150">
        <v>0.44987765796014823</v>
      </c>
      <c r="H88" s="98">
        <v>5.6971660967704875E-2</v>
      </c>
      <c r="I88" s="149">
        <v>269</v>
      </c>
      <c r="J88" s="150">
        <v>0.44170645968274908</v>
      </c>
      <c r="K88" s="98">
        <v>5.8919621726776124E-2</v>
      </c>
      <c r="L88" s="150">
        <v>0.32548546048730503</v>
      </c>
      <c r="M88" s="98">
        <v>5.5694292356435054E-2</v>
      </c>
      <c r="N88" s="150">
        <v>0.23280807982994586</v>
      </c>
      <c r="O88" s="98">
        <v>5.0423855664901186E-2</v>
      </c>
      <c r="P88" s="149">
        <v>273</v>
      </c>
      <c r="Q88" s="150">
        <v>0.76756180555642561</v>
      </c>
      <c r="R88" s="98">
        <v>5.0027713089650969E-2</v>
      </c>
      <c r="S88" s="150">
        <v>0.15186740202893242</v>
      </c>
      <c r="T88" s="98">
        <v>4.2831285233395806E-2</v>
      </c>
      <c r="U88" s="150">
        <v>8.0570792414641865E-2</v>
      </c>
      <c r="V88" s="98">
        <v>3.3125932728054759E-2</v>
      </c>
      <c r="W88" s="149">
        <v>276</v>
      </c>
      <c r="X88" s="150">
        <v>0.45744874957816933</v>
      </c>
      <c r="Y88" s="98">
        <v>5.8359773257867953E-2</v>
      </c>
      <c r="Z88" s="150">
        <v>0.43054006620807161</v>
      </c>
      <c r="AA88" s="98">
        <v>5.8014507873723836E-2</v>
      </c>
      <c r="AB88" s="150">
        <v>0.112011184213759</v>
      </c>
      <c r="AC88" s="98">
        <v>3.7725902778827113E-2</v>
      </c>
    </row>
    <row r="89" spans="1:29">
      <c r="A89" s="49" t="s">
        <v>449</v>
      </c>
      <c r="B89" s="151">
        <v>304</v>
      </c>
      <c r="C89" s="152">
        <v>0.28693315002641079</v>
      </c>
      <c r="D89" s="101">
        <v>5.0661259174397719E-2</v>
      </c>
      <c r="E89" s="152">
        <v>0.30492391624972537</v>
      </c>
      <c r="F89" s="101">
        <v>5.1534305033621511E-2</v>
      </c>
      <c r="G89" s="152">
        <v>0.40814293372386384</v>
      </c>
      <c r="H89" s="101">
        <v>5.4914990870414772E-2</v>
      </c>
      <c r="I89" s="151">
        <v>287</v>
      </c>
      <c r="J89" s="152">
        <v>0.43692518020682797</v>
      </c>
      <c r="K89" s="101">
        <v>5.700225264506871E-2</v>
      </c>
      <c r="L89" s="152">
        <v>0.33407056739816349</v>
      </c>
      <c r="M89" s="101">
        <v>5.4284430127310608E-2</v>
      </c>
      <c r="N89" s="152">
        <v>0.22900425239500855</v>
      </c>
      <c r="O89" s="101">
        <v>4.8552254658825802E-2</v>
      </c>
      <c r="P89" s="151">
        <v>287</v>
      </c>
      <c r="Q89" s="152">
        <v>0.81087302910549874</v>
      </c>
      <c r="R89" s="101">
        <v>4.5380266270844433E-2</v>
      </c>
      <c r="S89" s="152">
        <v>0.12093785113796139</v>
      </c>
      <c r="T89" s="101">
        <v>3.8147772684447599E-2</v>
      </c>
      <c r="U89" s="152">
        <v>6.8189119756539907E-2</v>
      </c>
      <c r="V89" s="101">
        <v>3.0100049148721605E-2</v>
      </c>
      <c r="W89" s="151">
        <v>288</v>
      </c>
      <c r="X89" s="152">
        <v>0.46782387299993594</v>
      </c>
      <c r="Y89" s="101">
        <v>5.7234527072074513E-2</v>
      </c>
      <c r="Z89" s="152">
        <v>0.43949381185393815</v>
      </c>
      <c r="AA89" s="101">
        <v>5.6940204921223446E-2</v>
      </c>
      <c r="AB89" s="152">
        <v>9.2682315146125877E-2</v>
      </c>
      <c r="AC89" s="101">
        <v>3.4142683307885544E-2</v>
      </c>
    </row>
    <row r="90" spans="1:29">
      <c r="A90" s="57" t="s">
        <v>450</v>
      </c>
      <c r="B90" s="149">
        <v>175</v>
      </c>
      <c r="C90" s="150">
        <v>0.23566384180174657</v>
      </c>
      <c r="D90" s="98">
        <v>6.2706028316748805E-2</v>
      </c>
      <c r="E90" s="150">
        <v>0.2293325568157551</v>
      </c>
      <c r="F90" s="98">
        <v>6.2149522304082945E-2</v>
      </c>
      <c r="G90" s="150">
        <v>0.53500360138249825</v>
      </c>
      <c r="H90" s="98">
        <v>7.3076874138589459E-2</v>
      </c>
      <c r="I90" s="149">
        <v>166</v>
      </c>
      <c r="J90" s="150">
        <v>0.40019778026417357</v>
      </c>
      <c r="K90" s="98">
        <v>7.372106777575349E-2</v>
      </c>
      <c r="L90" s="150">
        <v>0.292830138798992</v>
      </c>
      <c r="M90" s="98">
        <v>6.8736014537170834E-2</v>
      </c>
      <c r="N90" s="150">
        <v>0.30697208093683442</v>
      </c>
      <c r="O90" s="98">
        <v>6.9617419200421374E-2</v>
      </c>
      <c r="P90" s="149">
        <v>170</v>
      </c>
      <c r="Q90" s="150">
        <v>0.62024086669376433</v>
      </c>
      <c r="R90" s="98">
        <v>7.2213879911165554E-2</v>
      </c>
      <c r="S90" s="150">
        <v>0.13323450935087153</v>
      </c>
      <c r="T90" s="98">
        <v>5.1813424012644937E-2</v>
      </c>
      <c r="U90" s="150">
        <v>0.24652462395536415</v>
      </c>
      <c r="V90" s="98">
        <v>6.4540631105351548E-2</v>
      </c>
      <c r="W90" s="149">
        <v>170</v>
      </c>
      <c r="X90" s="150">
        <v>0.37859028437690917</v>
      </c>
      <c r="Y90" s="98">
        <v>7.2172652906514187E-2</v>
      </c>
      <c r="Z90" s="150">
        <v>0.31974778564897333</v>
      </c>
      <c r="AA90" s="98">
        <v>6.9532753164493893E-2</v>
      </c>
      <c r="AB90" s="150">
        <v>0.3016619299741175</v>
      </c>
      <c r="AC90" s="98">
        <v>6.8487241797561382E-2</v>
      </c>
    </row>
  </sheetData>
  <mergeCells count="20">
    <mergeCell ref="B81:H81"/>
    <mergeCell ref="I81:O81"/>
    <mergeCell ref="P81:V81"/>
    <mergeCell ref="W81:AC81"/>
    <mergeCell ref="A60:D60"/>
    <mergeCell ref="A61:D61"/>
    <mergeCell ref="A62:D62"/>
    <mergeCell ref="A79:AC79"/>
    <mergeCell ref="A80:AC80"/>
    <mergeCell ref="B24:H24"/>
    <mergeCell ref="I24:Q24"/>
    <mergeCell ref="B43:D43"/>
    <mergeCell ref="E43:J43"/>
    <mergeCell ref="A42:J42"/>
    <mergeCell ref="A41:J41"/>
    <mergeCell ref="A3:D3"/>
    <mergeCell ref="A4:D4"/>
    <mergeCell ref="A5:D5"/>
    <mergeCell ref="A22:Q22"/>
    <mergeCell ref="A23:Q2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109"/>
  <sheetViews>
    <sheetView workbookViewId="0"/>
  </sheetViews>
  <sheetFormatPr defaultColWidth="16.5703125" defaultRowHeight="15"/>
  <cols>
    <col min="1" max="1" width="30.5703125" customWidth="1"/>
  </cols>
  <sheetData>
    <row r="1" spans="1:15" ht="31.5">
      <c r="A1" s="33" t="s">
        <v>48</v>
      </c>
    </row>
    <row r="3" spans="1:15" ht="18.75">
      <c r="A3" s="329" t="s">
        <v>6</v>
      </c>
      <c r="B3" s="329"/>
      <c r="C3" s="329"/>
      <c r="D3" s="329"/>
      <c r="E3" s="329"/>
      <c r="F3" s="329"/>
      <c r="G3" s="329"/>
      <c r="H3" s="329"/>
      <c r="I3" s="329"/>
      <c r="J3" s="329"/>
      <c r="K3" s="329"/>
      <c r="L3" s="329"/>
      <c r="M3" s="329"/>
      <c r="N3" s="329"/>
      <c r="O3" s="329"/>
    </row>
    <row r="4" spans="1:15" ht="22.5" customHeight="1">
      <c r="A4" s="347" t="s">
        <v>192</v>
      </c>
      <c r="B4" s="347"/>
      <c r="C4" s="347"/>
      <c r="D4" s="347"/>
      <c r="E4" s="347"/>
      <c r="F4" s="347"/>
      <c r="G4" s="347"/>
      <c r="H4" s="347"/>
      <c r="I4" s="347"/>
      <c r="J4" s="347"/>
      <c r="K4" s="347"/>
      <c r="L4" s="347"/>
      <c r="M4" s="347"/>
      <c r="N4" s="347"/>
      <c r="O4" s="347"/>
    </row>
    <row r="5" spans="1:15" ht="34.5" customHeight="1">
      <c r="A5" s="328" t="s">
        <v>193</v>
      </c>
      <c r="B5" s="328"/>
      <c r="C5" s="328"/>
      <c r="D5" s="328"/>
      <c r="E5" s="348" t="s">
        <v>35</v>
      </c>
      <c r="F5" s="348"/>
      <c r="G5" s="348"/>
      <c r="H5" s="348"/>
      <c r="I5" s="348"/>
      <c r="J5" s="348"/>
      <c r="K5" s="348"/>
      <c r="L5" s="348"/>
      <c r="M5" s="348"/>
      <c r="N5" s="348"/>
      <c r="O5" s="348"/>
    </row>
    <row r="6" spans="1:15" ht="39" customHeight="1">
      <c r="A6" s="37" t="s">
        <v>114</v>
      </c>
      <c r="B6" s="38" t="s">
        <v>115</v>
      </c>
      <c r="C6" s="39" t="s">
        <v>116</v>
      </c>
      <c r="D6" s="40" t="s">
        <v>117</v>
      </c>
      <c r="E6" s="38" t="s">
        <v>115</v>
      </c>
      <c r="F6" s="38" t="s">
        <v>363</v>
      </c>
      <c r="G6" s="93" t="s">
        <v>253</v>
      </c>
      <c r="H6" s="38" t="s">
        <v>362</v>
      </c>
      <c r="I6" s="93" t="s">
        <v>367</v>
      </c>
      <c r="J6" s="38" t="s">
        <v>194</v>
      </c>
      <c r="K6" s="93" t="s">
        <v>369</v>
      </c>
      <c r="L6" s="38" t="s">
        <v>364</v>
      </c>
      <c r="M6" s="93" t="s">
        <v>370</v>
      </c>
      <c r="N6" s="38" t="s">
        <v>365</v>
      </c>
      <c r="O6" s="93" t="s">
        <v>373</v>
      </c>
    </row>
    <row r="7" spans="1:15" ht="84">
      <c r="A7" s="41"/>
      <c r="B7" s="42" t="s">
        <v>118</v>
      </c>
      <c r="C7" s="43" t="s">
        <v>196</v>
      </c>
      <c r="D7" s="44" t="s">
        <v>120</v>
      </c>
      <c r="E7" s="42" t="s">
        <v>118</v>
      </c>
      <c r="F7" s="42" t="s">
        <v>368</v>
      </c>
      <c r="G7" s="95" t="s">
        <v>148</v>
      </c>
      <c r="H7" s="42" t="s">
        <v>366</v>
      </c>
      <c r="I7" s="95" t="s">
        <v>148</v>
      </c>
      <c r="J7" s="42" t="s">
        <v>334</v>
      </c>
      <c r="K7" s="95" t="s">
        <v>148</v>
      </c>
      <c r="L7" s="42" t="s">
        <v>371</v>
      </c>
      <c r="M7" s="95" t="s">
        <v>148</v>
      </c>
      <c r="N7" s="42" t="s">
        <v>372</v>
      </c>
      <c r="O7" s="95" t="s">
        <v>148</v>
      </c>
    </row>
    <row r="8" spans="1:15">
      <c r="A8" s="45" t="s">
        <v>444</v>
      </c>
      <c r="B8" s="153">
        <v>12294</v>
      </c>
      <c r="C8" s="154">
        <v>3.283860702618981</v>
      </c>
      <c r="D8" s="137">
        <v>3.0407773516440084E-2</v>
      </c>
      <c r="E8" s="127">
        <v>12294</v>
      </c>
      <c r="F8" s="155">
        <v>5.1752716458454182E-2</v>
      </c>
      <c r="G8" s="98">
        <v>3.8570487635305982E-3</v>
      </c>
      <c r="H8" s="156">
        <v>0.17686548645601688</v>
      </c>
      <c r="I8" s="98">
        <v>6.6362649748039071E-3</v>
      </c>
      <c r="J8" s="156">
        <v>0.32702119587216988</v>
      </c>
      <c r="K8" s="98">
        <v>8.1578547243698202E-3</v>
      </c>
      <c r="L8" s="156">
        <v>0.32448958043481174</v>
      </c>
      <c r="M8" s="98">
        <v>8.1414985895763015E-3</v>
      </c>
      <c r="N8" s="156">
        <v>0.11987102077854735</v>
      </c>
      <c r="O8" s="98">
        <v>5.6504906416612235E-3</v>
      </c>
    </row>
    <row r="9" spans="1:15">
      <c r="A9" s="49" t="s">
        <v>445</v>
      </c>
      <c r="B9" s="157">
        <v>1000</v>
      </c>
      <c r="C9" s="158">
        <v>3.3031197582485587</v>
      </c>
      <c r="D9" s="141">
        <v>0.1058592792732429</v>
      </c>
      <c r="E9" s="130">
        <v>1000</v>
      </c>
      <c r="F9" s="159">
        <v>3.2566337416698149E-2</v>
      </c>
      <c r="G9" s="101">
        <v>1.1139018261008209E-2</v>
      </c>
      <c r="H9" s="160">
        <v>0.16490546052360608</v>
      </c>
      <c r="I9" s="101">
        <v>2.2757037719429263E-2</v>
      </c>
      <c r="J9" s="160">
        <v>0.3815774500247523</v>
      </c>
      <c r="K9" s="101">
        <v>2.9702549762962563E-2</v>
      </c>
      <c r="L9" s="160">
        <v>0.30874361046432575</v>
      </c>
      <c r="M9" s="101">
        <v>2.8259661697461053E-2</v>
      </c>
      <c r="N9" s="160">
        <v>0.11220714157061772</v>
      </c>
      <c r="O9" s="101">
        <v>1.9406930974442436E-2</v>
      </c>
    </row>
    <row r="10" spans="1:15" ht="30" customHeight="1">
      <c r="A10" s="53" t="s">
        <v>446</v>
      </c>
      <c r="B10" s="54">
        <v>129</v>
      </c>
      <c r="C10" s="55">
        <v>3.1851198778383609</v>
      </c>
      <c r="D10" s="56">
        <v>0.23734558326252886</v>
      </c>
      <c r="E10" s="83">
        <v>129</v>
      </c>
      <c r="F10" s="102">
        <v>5.9996636102252043E-3</v>
      </c>
      <c r="G10" s="98">
        <v>2.4287195251746434E-2</v>
      </c>
      <c r="H10" s="102">
        <v>0.22638962136746213</v>
      </c>
      <c r="I10" s="98">
        <v>7.2019543015839863E-2</v>
      </c>
      <c r="J10" s="102">
        <v>0.42598279166784631</v>
      </c>
      <c r="K10" s="98">
        <v>8.4096280509434129E-2</v>
      </c>
      <c r="L10" s="102">
        <v>0.25974702028265911</v>
      </c>
      <c r="M10" s="98">
        <v>7.5183707630392588E-2</v>
      </c>
      <c r="N10" s="102">
        <v>8.1880903071807273E-2</v>
      </c>
      <c r="O10" s="98">
        <v>4.9704948317442252E-2</v>
      </c>
    </row>
    <row r="11" spans="1:15">
      <c r="A11" s="49" t="s">
        <v>447</v>
      </c>
      <c r="B11" s="157">
        <v>68</v>
      </c>
      <c r="C11" s="158">
        <v>3.3613328100187534</v>
      </c>
      <c r="D11" s="141">
        <v>0.31879734528568537</v>
      </c>
      <c r="E11" s="130">
        <v>68</v>
      </c>
      <c r="F11" s="159">
        <v>6.0160688353313146E-2</v>
      </c>
      <c r="G11" s="101">
        <v>6.4279371160700885E-2</v>
      </c>
      <c r="H11" s="160">
        <v>6.8413249550279442E-2</v>
      </c>
      <c r="I11" s="101">
        <v>6.6888669545100518E-2</v>
      </c>
      <c r="J11" s="160">
        <v>0.4771389910251434</v>
      </c>
      <c r="K11" s="101">
        <v>0.1153863777474519</v>
      </c>
      <c r="L11" s="160">
        <v>0.23850670586686901</v>
      </c>
      <c r="M11" s="101">
        <v>0.10042220285410028</v>
      </c>
      <c r="N11" s="160">
        <v>0.155780365204395</v>
      </c>
      <c r="O11" s="101">
        <v>8.774888770203311E-2</v>
      </c>
    </row>
    <row r="12" spans="1:15">
      <c r="A12" s="57" t="s">
        <v>448</v>
      </c>
      <c r="B12" s="153">
        <v>289</v>
      </c>
      <c r="C12" s="154">
        <v>3.2649608280934532</v>
      </c>
      <c r="D12" s="137">
        <v>0.17460426724050038</v>
      </c>
      <c r="E12" s="127">
        <v>289</v>
      </c>
      <c r="F12" s="155">
        <v>4.3047442138514726E-2</v>
      </c>
      <c r="G12" s="98">
        <v>2.4786074378215669E-2</v>
      </c>
      <c r="H12" s="156">
        <v>0.17543871927803911</v>
      </c>
      <c r="I12" s="98">
        <v>4.3978720634834989E-2</v>
      </c>
      <c r="J12" s="156">
        <v>0.37357858608381461</v>
      </c>
      <c r="K12" s="98">
        <v>5.5443205338013807E-2</v>
      </c>
      <c r="L12" s="156">
        <v>0.28937607335074123</v>
      </c>
      <c r="M12" s="98">
        <v>5.2076298537830842E-2</v>
      </c>
      <c r="N12" s="156">
        <v>0.11855917914889035</v>
      </c>
      <c r="O12" s="98">
        <v>3.7708029355067549E-2</v>
      </c>
    </row>
    <row r="13" spans="1:15">
      <c r="A13" s="49" t="s">
        <v>449</v>
      </c>
      <c r="B13" s="157">
        <v>306</v>
      </c>
      <c r="C13" s="158">
        <v>3.3146690656611928</v>
      </c>
      <c r="D13" s="141">
        <v>0.20873492607416821</v>
      </c>
      <c r="E13" s="130">
        <v>306</v>
      </c>
      <c r="F13" s="159">
        <v>3.9747468468159339E-2</v>
      </c>
      <c r="G13" s="101">
        <v>2.3244135245489836E-2</v>
      </c>
      <c r="H13" s="160">
        <v>0.18239506733229713</v>
      </c>
      <c r="I13" s="101">
        <v>4.3359804424890028E-2</v>
      </c>
      <c r="J13" s="160">
        <v>0.30999869028238464</v>
      </c>
      <c r="K13" s="101">
        <v>5.1596204275036417E-2</v>
      </c>
      <c r="L13" s="160">
        <v>0.35915847790450939</v>
      </c>
      <c r="M13" s="101">
        <v>5.3465411986122625E-2</v>
      </c>
      <c r="N13" s="160">
        <v>0.10870029601264954</v>
      </c>
      <c r="O13" s="101">
        <v>3.5344995206936652E-2</v>
      </c>
    </row>
    <row r="14" spans="1:15">
      <c r="A14" s="57" t="s">
        <v>450</v>
      </c>
      <c r="B14" s="153">
        <v>176</v>
      </c>
      <c r="C14" s="154">
        <v>3.5016441307642516</v>
      </c>
      <c r="D14" s="137">
        <v>0.21612038670374378</v>
      </c>
      <c r="E14" s="127">
        <v>176</v>
      </c>
      <c r="F14" s="155">
        <v>1.9927941836658451E-3</v>
      </c>
      <c r="G14" s="98">
        <v>1.658557620691184E-2</v>
      </c>
      <c r="H14" s="156">
        <v>0.12145543751976146</v>
      </c>
      <c r="I14" s="98">
        <v>4.9109194337333274E-2</v>
      </c>
      <c r="J14" s="156">
        <v>0.36604435365531884</v>
      </c>
      <c r="K14" s="98">
        <v>7.0494112595360273E-2</v>
      </c>
      <c r="L14" s="156">
        <v>0.39392967263116291</v>
      </c>
      <c r="M14" s="98">
        <v>7.1456206463864733E-2</v>
      </c>
      <c r="N14" s="156">
        <v>0.11657774201009093</v>
      </c>
      <c r="O14" s="98">
        <v>4.833091961279147E-2</v>
      </c>
    </row>
    <row r="22" spans="1:11" ht="18.75">
      <c r="A22" s="329" t="s">
        <v>374</v>
      </c>
      <c r="B22" s="329"/>
      <c r="C22" s="329"/>
      <c r="D22" s="329"/>
      <c r="E22" s="329"/>
      <c r="F22" s="329"/>
      <c r="G22" s="329"/>
      <c r="H22" s="329"/>
      <c r="I22" s="329"/>
      <c r="J22" s="309"/>
      <c r="K22" s="309"/>
    </row>
    <row r="23" spans="1:11" ht="84.75" customHeight="1">
      <c r="A23" s="352" t="s">
        <v>375</v>
      </c>
      <c r="B23" s="352"/>
      <c r="C23" s="352"/>
      <c r="D23" s="352"/>
      <c r="E23" s="352"/>
      <c r="F23" s="352"/>
      <c r="G23" s="352"/>
      <c r="H23" s="352"/>
      <c r="I23" s="352"/>
      <c r="J23" s="309"/>
      <c r="K23" s="309"/>
    </row>
    <row r="24" spans="1:11" ht="24" customHeight="1">
      <c r="A24" s="348" t="s">
        <v>374</v>
      </c>
      <c r="B24" s="348"/>
      <c r="C24" s="348"/>
      <c r="D24" s="348"/>
      <c r="E24" s="349" t="s">
        <v>376</v>
      </c>
      <c r="F24" s="350"/>
      <c r="G24" s="350"/>
      <c r="H24" s="350"/>
      <c r="I24" s="351"/>
    </row>
    <row r="25" spans="1:11" ht="45" customHeight="1">
      <c r="A25" s="37" t="s">
        <v>114</v>
      </c>
      <c r="B25" s="38" t="s">
        <v>115</v>
      </c>
      <c r="C25" s="39" t="s">
        <v>116</v>
      </c>
      <c r="D25" s="40" t="s">
        <v>117</v>
      </c>
      <c r="E25" s="38" t="s">
        <v>115</v>
      </c>
      <c r="F25" s="38" t="s">
        <v>382</v>
      </c>
      <c r="G25" s="93" t="s">
        <v>378</v>
      </c>
      <c r="H25" s="38" t="s">
        <v>383</v>
      </c>
      <c r="I25" s="93" t="s">
        <v>380</v>
      </c>
    </row>
    <row r="26" spans="1:11" ht="84">
      <c r="A26" s="41"/>
      <c r="B26" s="42" t="s">
        <v>118</v>
      </c>
      <c r="C26" s="43" t="s">
        <v>197</v>
      </c>
      <c r="D26" s="44" t="s">
        <v>120</v>
      </c>
      <c r="E26" s="42" t="s">
        <v>118</v>
      </c>
      <c r="F26" s="42" t="s">
        <v>377</v>
      </c>
      <c r="G26" s="95" t="s">
        <v>148</v>
      </c>
      <c r="H26" s="42" t="s">
        <v>379</v>
      </c>
      <c r="I26" s="95" t="s">
        <v>148</v>
      </c>
    </row>
    <row r="27" spans="1:11">
      <c r="A27" s="45" t="s">
        <v>444</v>
      </c>
      <c r="B27" s="161">
        <v>12226</v>
      </c>
      <c r="C27" s="162">
        <v>11.311562671052545</v>
      </c>
      <c r="D27" s="163">
        <v>0.14170913389016526</v>
      </c>
      <c r="E27" s="127">
        <v>12226</v>
      </c>
      <c r="F27" s="164">
        <v>0.90366920456423305</v>
      </c>
      <c r="G27" s="98">
        <v>5.1476964844827406E-3</v>
      </c>
      <c r="H27" s="164">
        <v>9.6330795435766642E-2</v>
      </c>
      <c r="I27" s="98">
        <v>5.1476964844827345E-3</v>
      </c>
    </row>
    <row r="28" spans="1:11">
      <c r="A28" s="49" t="s">
        <v>445</v>
      </c>
      <c r="B28" s="165">
        <v>997</v>
      </c>
      <c r="C28" s="166">
        <v>11.34337150467195</v>
      </c>
      <c r="D28" s="167">
        <v>0.54381349833439963</v>
      </c>
      <c r="E28" s="130">
        <v>997</v>
      </c>
      <c r="F28" s="168">
        <v>0.89570820256240358</v>
      </c>
      <c r="G28" s="101">
        <v>1.8832998953770653E-2</v>
      </c>
      <c r="H28" s="168">
        <v>0.10429179743759642</v>
      </c>
      <c r="I28" s="101">
        <v>1.8832998953770649E-2</v>
      </c>
    </row>
    <row r="29" spans="1:11" ht="30.75" customHeight="1">
      <c r="A29" s="53" t="s">
        <v>446</v>
      </c>
      <c r="B29" s="83">
        <v>127</v>
      </c>
      <c r="C29" s="84">
        <v>11.976962379883108</v>
      </c>
      <c r="D29" s="85">
        <v>1.2310789808662506</v>
      </c>
      <c r="E29" s="83">
        <v>127</v>
      </c>
      <c r="F29" s="102">
        <v>0.84473988526819188</v>
      </c>
      <c r="G29" s="98">
        <v>6.3684484321890791E-2</v>
      </c>
      <c r="H29" s="102">
        <v>0.15526011473180806</v>
      </c>
      <c r="I29" s="98">
        <v>6.3684484321890777E-2</v>
      </c>
    </row>
    <row r="30" spans="1:11">
      <c r="A30" s="49" t="s">
        <v>447</v>
      </c>
      <c r="B30" s="165">
        <v>68</v>
      </c>
      <c r="C30" s="166">
        <v>11.50190349449414</v>
      </c>
      <c r="D30" s="167">
        <v>1.4913887228686402</v>
      </c>
      <c r="E30" s="130">
        <v>68</v>
      </c>
      <c r="F30" s="168">
        <v>0.88658596289213909</v>
      </c>
      <c r="G30" s="101">
        <v>7.8907225461126079E-2</v>
      </c>
      <c r="H30" s="168">
        <v>0.11341403710786088</v>
      </c>
      <c r="I30" s="101">
        <v>7.8907225461126079E-2</v>
      </c>
    </row>
    <row r="31" spans="1:11">
      <c r="A31" s="57" t="s">
        <v>448</v>
      </c>
      <c r="B31" s="161">
        <v>290</v>
      </c>
      <c r="C31" s="162">
        <v>11.212132687577645</v>
      </c>
      <c r="D31" s="163">
        <v>0.79344793248037249</v>
      </c>
      <c r="E31" s="127">
        <v>290</v>
      </c>
      <c r="F31" s="164">
        <v>0.93281434816963071</v>
      </c>
      <c r="G31" s="98">
        <v>2.9750012444481611E-2</v>
      </c>
      <c r="H31" s="164">
        <v>6.7185651830369314E-2</v>
      </c>
      <c r="I31" s="98">
        <v>2.9750012444481621E-2</v>
      </c>
    </row>
    <row r="32" spans="1:11">
      <c r="A32" s="49" t="s">
        <v>449</v>
      </c>
      <c r="B32" s="165">
        <v>305</v>
      </c>
      <c r="C32" s="166">
        <v>11.094725215588198</v>
      </c>
      <c r="D32" s="167">
        <v>1.1432463502039685</v>
      </c>
      <c r="E32" s="130">
        <v>305</v>
      </c>
      <c r="F32" s="168">
        <v>0.90088819104334072</v>
      </c>
      <c r="G32" s="101">
        <v>3.4080241570333264E-2</v>
      </c>
      <c r="H32" s="168">
        <v>9.9111808956659234E-2</v>
      </c>
      <c r="I32" s="101">
        <v>3.4080241570333257E-2</v>
      </c>
    </row>
    <row r="33" spans="1:9">
      <c r="A33" s="57" t="s">
        <v>450</v>
      </c>
      <c r="B33" s="161">
        <v>175</v>
      </c>
      <c r="C33" s="162">
        <v>10.926607645180365</v>
      </c>
      <c r="D33" s="163">
        <v>1.2691215817207446</v>
      </c>
      <c r="E33" s="127">
        <v>175</v>
      </c>
      <c r="F33" s="164">
        <v>0.91182133331752546</v>
      </c>
      <c r="G33" s="98">
        <v>4.3432983049087652E-2</v>
      </c>
      <c r="H33" s="164">
        <v>8.817866668247458E-2</v>
      </c>
      <c r="I33" s="98">
        <v>4.3432983049087645E-2</v>
      </c>
    </row>
    <row r="41" spans="1:9" ht="18.75">
      <c r="A41" s="329" t="s">
        <v>44</v>
      </c>
      <c r="B41" s="329"/>
      <c r="C41" s="329"/>
      <c r="D41" s="329"/>
    </row>
    <row r="42" spans="1:9" ht="108.75" customHeight="1">
      <c r="A42" s="347" t="s">
        <v>381</v>
      </c>
      <c r="B42" s="347"/>
      <c r="C42" s="347"/>
      <c r="D42" s="347"/>
    </row>
    <row r="43" spans="1:9" ht="32.25" customHeight="1">
      <c r="A43" s="353" t="s">
        <v>198</v>
      </c>
      <c r="B43" s="348"/>
      <c r="C43" s="348"/>
      <c r="D43" s="348"/>
    </row>
    <row r="44" spans="1:9" ht="37.5" customHeight="1">
      <c r="A44" s="37" t="s">
        <v>114</v>
      </c>
      <c r="B44" s="38" t="s">
        <v>115</v>
      </c>
      <c r="C44" s="39" t="s">
        <v>116</v>
      </c>
      <c r="D44" s="40" t="s">
        <v>117</v>
      </c>
    </row>
    <row r="45" spans="1:9" ht="84">
      <c r="A45" s="41"/>
      <c r="B45" s="42" t="s">
        <v>118</v>
      </c>
      <c r="C45" s="43" t="s">
        <v>199</v>
      </c>
      <c r="D45" s="44" t="s">
        <v>120</v>
      </c>
    </row>
    <row r="46" spans="1:9">
      <c r="A46" s="45" t="s">
        <v>444</v>
      </c>
      <c r="B46" s="169">
        <v>12134</v>
      </c>
      <c r="C46" s="170">
        <v>5.2114227974437739</v>
      </c>
      <c r="D46" s="171">
        <v>4.4402148551739629E-2</v>
      </c>
    </row>
    <row r="47" spans="1:9">
      <c r="A47" s="49" t="s">
        <v>445</v>
      </c>
      <c r="B47" s="172">
        <v>990</v>
      </c>
      <c r="C47" s="173">
        <v>5.3213634460333434</v>
      </c>
      <c r="D47" s="174">
        <v>0.16471975312076736</v>
      </c>
    </row>
    <row r="48" spans="1:9">
      <c r="A48" s="53" t="s">
        <v>446</v>
      </c>
      <c r="B48" s="83">
        <v>125</v>
      </c>
      <c r="C48" s="84">
        <v>5.458158587419776</v>
      </c>
      <c r="D48" s="85">
        <v>0.34313125446113002</v>
      </c>
    </row>
    <row r="49" spans="1:15">
      <c r="A49" s="49" t="s">
        <v>447</v>
      </c>
      <c r="B49" s="172">
        <v>68</v>
      </c>
      <c r="C49" s="173">
        <v>5.1126112527573371</v>
      </c>
      <c r="D49" s="174">
        <v>0.46902519851648261</v>
      </c>
    </row>
    <row r="50" spans="1:15">
      <c r="A50" s="57" t="s">
        <v>448</v>
      </c>
      <c r="B50" s="169">
        <v>283</v>
      </c>
      <c r="C50" s="170">
        <v>5.2754910668237978</v>
      </c>
      <c r="D50" s="171">
        <v>0.23793167849842156</v>
      </c>
    </row>
    <row r="51" spans="1:15">
      <c r="A51" s="49" t="s">
        <v>449</v>
      </c>
      <c r="B51" s="172">
        <v>306</v>
      </c>
      <c r="C51" s="173">
        <v>5.2434573962574405</v>
      </c>
      <c r="D51" s="174">
        <v>0.34261958940105153</v>
      </c>
    </row>
    <row r="52" spans="1:15">
      <c r="A52" s="57" t="s">
        <v>450</v>
      </c>
      <c r="B52" s="169">
        <v>176</v>
      </c>
      <c r="C52" s="170">
        <v>5.6635063609194161</v>
      </c>
      <c r="D52" s="171">
        <v>0.465127544714381</v>
      </c>
    </row>
    <row r="60" spans="1:15" ht="18.75">
      <c r="A60" s="329" t="s">
        <v>45</v>
      </c>
      <c r="B60" s="329"/>
      <c r="C60" s="329"/>
      <c r="D60" s="329"/>
      <c r="E60" s="329"/>
      <c r="F60" s="329"/>
      <c r="G60" s="329"/>
      <c r="H60" s="329"/>
      <c r="I60" s="329"/>
      <c r="J60" s="329"/>
      <c r="K60" s="329"/>
      <c r="L60" s="329"/>
      <c r="M60" s="329"/>
      <c r="N60" s="329"/>
      <c r="O60" s="329"/>
    </row>
    <row r="61" spans="1:15" ht="57.75" customHeight="1">
      <c r="A61" s="352" t="s">
        <v>384</v>
      </c>
      <c r="B61" s="352"/>
      <c r="C61" s="352"/>
      <c r="D61" s="352"/>
      <c r="E61" s="352"/>
      <c r="F61" s="352"/>
      <c r="G61" s="352"/>
      <c r="H61" s="352"/>
      <c r="I61" s="352"/>
      <c r="J61" s="352"/>
      <c r="K61" s="352"/>
      <c r="L61" s="352"/>
      <c r="M61" s="352"/>
      <c r="N61" s="352"/>
      <c r="O61" s="352"/>
    </row>
    <row r="62" spans="1:15" ht="38.25" customHeight="1">
      <c r="A62" s="64"/>
      <c r="B62" s="354" t="s">
        <v>385</v>
      </c>
      <c r="C62" s="354"/>
      <c r="D62" s="354"/>
      <c r="E62" s="354"/>
      <c r="F62" s="354"/>
      <c r="G62" s="354"/>
      <c r="H62" s="354"/>
      <c r="I62" s="354" t="s">
        <v>386</v>
      </c>
      <c r="J62" s="354"/>
      <c r="K62" s="354"/>
      <c r="L62" s="354"/>
      <c r="M62" s="354"/>
      <c r="N62" s="354"/>
      <c r="O62" s="354"/>
    </row>
    <row r="63" spans="1:15" ht="44.25" customHeight="1">
      <c r="A63" s="37" t="s">
        <v>114</v>
      </c>
      <c r="B63" s="38" t="s">
        <v>115</v>
      </c>
      <c r="C63" s="38" t="s">
        <v>300</v>
      </c>
      <c r="D63" s="93" t="s">
        <v>145</v>
      </c>
      <c r="E63" s="38" t="s">
        <v>301</v>
      </c>
      <c r="F63" s="93" t="s">
        <v>146</v>
      </c>
      <c r="G63" s="38" t="s">
        <v>302</v>
      </c>
      <c r="H63" s="93" t="s">
        <v>147</v>
      </c>
      <c r="I63" s="65" t="s">
        <v>115</v>
      </c>
      <c r="J63" s="65" t="s">
        <v>300</v>
      </c>
      <c r="K63" s="92" t="s">
        <v>145</v>
      </c>
      <c r="L63" s="65" t="s">
        <v>301</v>
      </c>
      <c r="M63" s="92" t="s">
        <v>146</v>
      </c>
      <c r="N63" s="65" t="s">
        <v>302</v>
      </c>
      <c r="O63" s="92" t="s">
        <v>147</v>
      </c>
    </row>
    <row r="64" spans="1:15" ht="72">
      <c r="A64" s="41"/>
      <c r="B64" s="42" t="s">
        <v>118</v>
      </c>
      <c r="C64" s="42" t="s">
        <v>303</v>
      </c>
      <c r="D64" s="95" t="s">
        <v>148</v>
      </c>
      <c r="E64" s="42" t="s">
        <v>304</v>
      </c>
      <c r="F64" s="95" t="s">
        <v>148</v>
      </c>
      <c r="G64" s="42" t="s">
        <v>305</v>
      </c>
      <c r="H64" s="95" t="s">
        <v>148</v>
      </c>
      <c r="I64" s="68" t="s">
        <v>118</v>
      </c>
      <c r="J64" s="68" t="s">
        <v>303</v>
      </c>
      <c r="K64" s="94" t="s">
        <v>148</v>
      </c>
      <c r="L64" s="68" t="s">
        <v>304</v>
      </c>
      <c r="M64" s="94" t="s">
        <v>148</v>
      </c>
      <c r="N64" s="68" t="s">
        <v>305</v>
      </c>
      <c r="O64" s="94" t="s">
        <v>148</v>
      </c>
    </row>
    <row r="65" spans="1:15">
      <c r="A65" s="45" t="s">
        <v>444</v>
      </c>
      <c r="B65" s="169">
        <v>12524</v>
      </c>
      <c r="C65" s="175">
        <v>0.1331366593156699</v>
      </c>
      <c r="D65" s="98">
        <v>5.9511509210555197E-3</v>
      </c>
      <c r="E65" s="175">
        <v>0.11393572487869418</v>
      </c>
      <c r="F65" s="98">
        <v>5.5665018974811169E-3</v>
      </c>
      <c r="G65" s="175">
        <v>0.75292761580563594</v>
      </c>
      <c r="H65" s="98">
        <v>7.553558324864376E-3</v>
      </c>
      <c r="I65" s="169">
        <v>9797</v>
      </c>
      <c r="J65" s="175">
        <v>0.18708286728827181</v>
      </c>
      <c r="K65" s="98">
        <v>7.7228053374202655E-3</v>
      </c>
      <c r="L65" s="175">
        <v>0.13055490923116647</v>
      </c>
      <c r="M65" s="98">
        <v>6.6734673361478272E-3</v>
      </c>
      <c r="N65" s="175">
        <v>0.68236222348056175</v>
      </c>
      <c r="O65" s="98">
        <v>9.2176799856715282E-3</v>
      </c>
    </row>
    <row r="66" spans="1:15">
      <c r="A66" s="49" t="s">
        <v>445</v>
      </c>
      <c r="B66" s="172">
        <v>1014</v>
      </c>
      <c r="C66" s="176">
        <v>0.1089843569788226</v>
      </c>
      <c r="D66" s="101">
        <v>1.926069832798236E-2</v>
      </c>
      <c r="E66" s="176">
        <v>0.10229659700699781</v>
      </c>
      <c r="F66" s="101">
        <v>1.8741008008552194E-2</v>
      </c>
      <c r="G66" s="176">
        <v>0.78871904601417964</v>
      </c>
      <c r="H66" s="101">
        <v>2.5126025570863287E-2</v>
      </c>
      <c r="I66" s="172">
        <v>827</v>
      </c>
      <c r="J66" s="176">
        <v>0.19468889683058135</v>
      </c>
      <c r="K66" s="101">
        <v>2.6998792524113246E-2</v>
      </c>
      <c r="L66" s="176">
        <v>0.11366675948753382</v>
      </c>
      <c r="M66" s="101">
        <v>2.1733944872733512E-2</v>
      </c>
      <c r="N66" s="176">
        <v>0.69164434368188488</v>
      </c>
      <c r="O66" s="101">
        <v>3.142546909532571E-2</v>
      </c>
    </row>
    <row r="67" spans="1:15">
      <c r="A67" s="53" t="s">
        <v>446</v>
      </c>
      <c r="B67" s="83">
        <v>125</v>
      </c>
      <c r="C67" s="102">
        <v>0.13167347586625033</v>
      </c>
      <c r="D67" s="98">
        <v>6.0428121416451756E-2</v>
      </c>
      <c r="E67" s="102">
        <v>8.1054824607237258E-2</v>
      </c>
      <c r="F67" s="98">
        <v>5.0371299590180489E-2</v>
      </c>
      <c r="G67" s="102">
        <v>0.78727169952651244</v>
      </c>
      <c r="H67" s="98">
        <v>7.1675825524994477E-2</v>
      </c>
      <c r="I67" s="83">
        <v>97</v>
      </c>
      <c r="J67" s="102">
        <v>0.16173363957439843</v>
      </c>
      <c r="K67" s="98">
        <v>7.412568713197773E-2</v>
      </c>
      <c r="L67" s="102">
        <v>4.3058011587837175E-2</v>
      </c>
      <c r="M67" s="98">
        <v>4.673125047338008E-2</v>
      </c>
      <c r="N67" s="102">
        <v>0.79520834883776437</v>
      </c>
      <c r="O67" s="98">
        <v>8.0321451248039355E-2</v>
      </c>
    </row>
    <row r="68" spans="1:15">
      <c r="A68" s="49" t="s">
        <v>447</v>
      </c>
      <c r="B68" s="172">
        <v>68</v>
      </c>
      <c r="C68" s="176">
        <v>0.11546963541715685</v>
      </c>
      <c r="D68" s="101">
        <v>7.9383803829883179E-2</v>
      </c>
      <c r="E68" s="176">
        <v>0.14920724230929891</v>
      </c>
      <c r="F68" s="101">
        <v>8.6501148261980923E-2</v>
      </c>
      <c r="G68" s="176">
        <v>0.73532312227354424</v>
      </c>
      <c r="H68" s="101">
        <v>0.1034572230777739</v>
      </c>
      <c r="I68" s="172">
        <v>61</v>
      </c>
      <c r="J68" s="176">
        <v>0.29845445224225425</v>
      </c>
      <c r="K68" s="101">
        <v>0.11252123524929564</v>
      </c>
      <c r="L68" s="176">
        <v>9.9670201028783267E-2</v>
      </c>
      <c r="M68" s="101">
        <v>8.0208694459669633E-2</v>
      </c>
      <c r="N68" s="176">
        <v>0.60187534672896248</v>
      </c>
      <c r="O68" s="101">
        <v>0.11931121282635303</v>
      </c>
    </row>
    <row r="69" spans="1:15">
      <c r="A69" s="57" t="s">
        <v>448</v>
      </c>
      <c r="B69" s="169">
        <v>283</v>
      </c>
      <c r="C69" s="175">
        <v>0.11110132290089872</v>
      </c>
      <c r="D69" s="98">
        <v>3.7120701155204452E-2</v>
      </c>
      <c r="E69" s="175">
        <v>0.12050149924831645</v>
      </c>
      <c r="F69" s="98">
        <v>3.836604810756037E-2</v>
      </c>
      <c r="G69" s="175">
        <v>0.76839717785078487</v>
      </c>
      <c r="H69" s="98">
        <v>4.9079423280205321E-2</v>
      </c>
      <c r="I69" s="169">
        <v>223</v>
      </c>
      <c r="J69" s="175">
        <v>0.1184403623885649</v>
      </c>
      <c r="K69" s="98">
        <v>4.3047308702986779E-2</v>
      </c>
      <c r="L69" s="175">
        <v>0.24166487791921545</v>
      </c>
      <c r="M69" s="98">
        <v>5.6043513282748599E-2</v>
      </c>
      <c r="N69" s="175">
        <v>0.63989475969221965</v>
      </c>
      <c r="O69" s="98">
        <v>6.2539645488781409E-2</v>
      </c>
    </row>
    <row r="70" spans="1:15">
      <c r="A70" s="49" t="s">
        <v>449</v>
      </c>
      <c r="B70" s="172">
        <v>306</v>
      </c>
      <c r="C70" s="176">
        <v>0.10076545965249212</v>
      </c>
      <c r="D70" s="101">
        <v>3.4256796623816907E-2</v>
      </c>
      <c r="E70" s="176">
        <v>7.5003655713304751E-2</v>
      </c>
      <c r="F70" s="101">
        <v>3.0284346865847134E-2</v>
      </c>
      <c r="G70" s="176">
        <v>0.82423088463420313</v>
      </c>
      <c r="H70" s="101">
        <v>4.2763564385359158E-2</v>
      </c>
      <c r="I70" s="172">
        <v>247</v>
      </c>
      <c r="J70" s="176">
        <v>0.20974657478412978</v>
      </c>
      <c r="K70" s="101">
        <v>5.0770543320445949E-2</v>
      </c>
      <c r="L70" s="176">
        <v>0.10768839208024655</v>
      </c>
      <c r="M70" s="101">
        <v>3.9308773937890021E-2</v>
      </c>
      <c r="N70" s="176">
        <v>0.68256503313562367</v>
      </c>
      <c r="O70" s="101">
        <v>5.77261000567207E-2</v>
      </c>
    </row>
    <row r="71" spans="1:15">
      <c r="A71" s="57" t="s">
        <v>450</v>
      </c>
      <c r="B71" s="169">
        <v>176</v>
      </c>
      <c r="C71" s="175">
        <v>8.3878542140755796E-2</v>
      </c>
      <c r="D71" s="98">
        <v>4.2454928242986786E-2</v>
      </c>
      <c r="E71" s="175">
        <v>0.13335842843630677</v>
      </c>
      <c r="F71" s="98">
        <v>5.0918535313522376E-2</v>
      </c>
      <c r="G71" s="175">
        <v>0.78276302942293741</v>
      </c>
      <c r="H71" s="98">
        <v>6.086162737452009E-2</v>
      </c>
      <c r="I71" s="169">
        <v>154</v>
      </c>
      <c r="J71" s="175">
        <v>0.20021764975268921</v>
      </c>
      <c r="K71" s="98">
        <v>6.3266407361560126E-2</v>
      </c>
      <c r="L71" s="175">
        <v>4.7959074205318801E-2</v>
      </c>
      <c r="M71" s="98">
        <v>3.6858191280521042E-2</v>
      </c>
      <c r="N71" s="175">
        <v>0.75182327604199195</v>
      </c>
      <c r="O71" s="98">
        <v>6.7924188699225466E-2</v>
      </c>
    </row>
    <row r="79" spans="1:15" ht="19.5" customHeight="1">
      <c r="A79" s="329" t="s">
        <v>7</v>
      </c>
      <c r="B79" s="329"/>
      <c r="C79" s="329"/>
      <c r="D79" s="329"/>
    </row>
    <row r="80" spans="1:15" ht="158.25" customHeight="1">
      <c r="A80" s="355" t="s">
        <v>200</v>
      </c>
      <c r="B80" s="356"/>
      <c r="C80" s="356"/>
      <c r="D80" s="356"/>
    </row>
    <row r="81" spans="1:4" ht="35.25" customHeight="1">
      <c r="A81" s="328" t="s">
        <v>201</v>
      </c>
      <c r="B81" s="328"/>
      <c r="C81" s="328"/>
      <c r="D81" s="328"/>
    </row>
    <row r="82" spans="1:4" ht="39.75" customHeight="1">
      <c r="A82" s="37" t="s">
        <v>114</v>
      </c>
      <c r="B82" s="38" t="s">
        <v>115</v>
      </c>
      <c r="C82" s="39" t="s">
        <v>116</v>
      </c>
      <c r="D82" s="40" t="s">
        <v>117</v>
      </c>
    </row>
    <row r="83" spans="1:4" ht="108">
      <c r="A83" s="41"/>
      <c r="B83" s="42" t="s">
        <v>118</v>
      </c>
      <c r="C83" s="134" t="s">
        <v>202</v>
      </c>
      <c r="D83" s="44" t="s">
        <v>120</v>
      </c>
    </row>
    <row r="84" spans="1:4">
      <c r="A84" s="45" t="s">
        <v>444</v>
      </c>
      <c r="B84" s="177">
        <v>11862</v>
      </c>
      <c r="C84" s="178">
        <v>4.4982488715695279</v>
      </c>
      <c r="D84" s="179">
        <v>4.0088292853981855E-2</v>
      </c>
    </row>
    <row r="85" spans="1:4">
      <c r="A85" s="49" t="s">
        <v>445</v>
      </c>
      <c r="B85" s="180">
        <v>945</v>
      </c>
      <c r="C85" s="181">
        <v>4.4659890039017274</v>
      </c>
      <c r="D85" s="182">
        <v>0.15363005922546424</v>
      </c>
    </row>
    <row r="86" spans="1:4">
      <c r="A86" s="53" t="s">
        <v>446</v>
      </c>
      <c r="B86" s="83">
        <v>119</v>
      </c>
      <c r="C86" s="84">
        <v>4.2065521240146992</v>
      </c>
      <c r="D86" s="85">
        <v>0.359723734177678</v>
      </c>
    </row>
    <row r="87" spans="1:4">
      <c r="A87" s="49" t="s">
        <v>447</v>
      </c>
      <c r="B87" s="180">
        <v>64</v>
      </c>
      <c r="C87" s="181">
        <v>3.830139121737417</v>
      </c>
      <c r="D87" s="182">
        <v>0.4201653592381569</v>
      </c>
    </row>
    <row r="88" spans="1:4">
      <c r="A88" s="57" t="s">
        <v>448</v>
      </c>
      <c r="B88" s="177">
        <v>267</v>
      </c>
      <c r="C88" s="178">
        <v>4.6119454908013022</v>
      </c>
      <c r="D88" s="179">
        <v>0.2235735995914041</v>
      </c>
    </row>
    <row r="89" spans="1:4">
      <c r="A89" s="49" t="s">
        <v>449</v>
      </c>
      <c r="B89" s="180">
        <v>293</v>
      </c>
      <c r="C89" s="181">
        <v>4.7818544702228829</v>
      </c>
      <c r="D89" s="182">
        <v>0.29098317451453415</v>
      </c>
    </row>
    <row r="90" spans="1:4">
      <c r="A90" s="57" t="s">
        <v>450</v>
      </c>
      <c r="B90" s="177">
        <v>167</v>
      </c>
      <c r="C90" s="178">
        <v>4.7614995802864923</v>
      </c>
      <c r="D90" s="179">
        <v>0.23784505745246243</v>
      </c>
    </row>
    <row r="98" spans="1:22" ht="18.75">
      <c r="A98" s="329" t="s">
        <v>46</v>
      </c>
      <c r="B98" s="329"/>
      <c r="C98" s="329"/>
      <c r="D98" s="329"/>
      <c r="E98" s="329"/>
      <c r="F98" s="329"/>
      <c r="G98" s="329"/>
      <c r="H98" s="329"/>
      <c r="I98" s="329"/>
      <c r="J98" s="329"/>
      <c r="K98" s="329"/>
      <c r="L98" s="329"/>
      <c r="M98" s="329"/>
      <c r="N98" s="329"/>
      <c r="O98" s="329"/>
      <c r="P98" s="329"/>
      <c r="Q98" s="329"/>
      <c r="R98" s="329"/>
      <c r="S98" s="329"/>
      <c r="T98" s="329"/>
      <c r="U98" s="329"/>
      <c r="V98" s="329"/>
    </row>
    <row r="99" spans="1:22" ht="55.5" customHeight="1">
      <c r="A99" s="355" t="s">
        <v>203</v>
      </c>
      <c r="B99" s="355"/>
      <c r="C99" s="355"/>
      <c r="D99" s="355"/>
      <c r="E99" s="355"/>
      <c r="F99" s="355"/>
      <c r="G99" s="355"/>
      <c r="H99" s="355"/>
      <c r="I99" s="355"/>
      <c r="J99" s="355"/>
      <c r="K99" s="355"/>
      <c r="L99" s="355"/>
      <c r="M99" s="355"/>
      <c r="N99" s="355"/>
      <c r="O99" s="355"/>
      <c r="P99" s="355"/>
      <c r="Q99" s="355"/>
      <c r="R99" s="355"/>
      <c r="S99" s="355"/>
      <c r="T99" s="355"/>
      <c r="U99" s="355"/>
      <c r="V99" s="355"/>
    </row>
    <row r="100" spans="1:22" ht="33.75" customHeight="1">
      <c r="A100" s="64"/>
      <c r="B100" s="354" t="s">
        <v>204</v>
      </c>
      <c r="C100" s="354"/>
      <c r="D100" s="354"/>
      <c r="E100" s="354"/>
      <c r="F100" s="354"/>
      <c r="G100" s="354"/>
      <c r="H100" s="354"/>
      <c r="I100" s="354" t="s">
        <v>205</v>
      </c>
      <c r="J100" s="354"/>
      <c r="K100" s="354"/>
      <c r="L100" s="354"/>
      <c r="M100" s="354"/>
      <c r="N100" s="354"/>
      <c r="O100" s="354"/>
      <c r="P100" s="354" t="s">
        <v>206</v>
      </c>
      <c r="Q100" s="354"/>
      <c r="R100" s="354"/>
      <c r="S100" s="354"/>
      <c r="T100" s="354"/>
      <c r="U100" s="354"/>
      <c r="V100" s="354"/>
    </row>
    <row r="101" spans="1:22" ht="40.5" customHeight="1">
      <c r="A101" s="37" t="s">
        <v>114</v>
      </c>
      <c r="B101" s="38" t="s">
        <v>115</v>
      </c>
      <c r="C101" s="38" t="s">
        <v>300</v>
      </c>
      <c r="D101" s="93" t="s">
        <v>145</v>
      </c>
      <c r="E101" s="38" t="s">
        <v>301</v>
      </c>
      <c r="F101" s="93" t="s">
        <v>146</v>
      </c>
      <c r="G101" s="38" t="s">
        <v>302</v>
      </c>
      <c r="H101" s="93" t="s">
        <v>147</v>
      </c>
      <c r="I101" s="65" t="s">
        <v>115</v>
      </c>
      <c r="J101" s="65" t="s">
        <v>300</v>
      </c>
      <c r="K101" s="92" t="s">
        <v>145</v>
      </c>
      <c r="L101" s="65" t="s">
        <v>301</v>
      </c>
      <c r="M101" s="92" t="s">
        <v>146</v>
      </c>
      <c r="N101" s="65" t="s">
        <v>302</v>
      </c>
      <c r="O101" s="92" t="s">
        <v>147</v>
      </c>
      <c r="P101" s="38" t="s">
        <v>115</v>
      </c>
      <c r="Q101" s="38" t="s">
        <v>300</v>
      </c>
      <c r="R101" s="93" t="s">
        <v>145</v>
      </c>
      <c r="S101" s="38" t="s">
        <v>301</v>
      </c>
      <c r="T101" s="93" t="s">
        <v>146</v>
      </c>
      <c r="U101" s="38" t="s">
        <v>302</v>
      </c>
      <c r="V101" s="93" t="s">
        <v>147</v>
      </c>
    </row>
    <row r="102" spans="1:22" ht="72">
      <c r="A102" s="41"/>
      <c r="B102" s="42" t="s">
        <v>118</v>
      </c>
      <c r="C102" s="42" t="s">
        <v>303</v>
      </c>
      <c r="D102" s="95" t="s">
        <v>148</v>
      </c>
      <c r="E102" s="42" t="s">
        <v>304</v>
      </c>
      <c r="F102" s="95" t="s">
        <v>148</v>
      </c>
      <c r="G102" s="42" t="s">
        <v>305</v>
      </c>
      <c r="H102" s="95" t="s">
        <v>148</v>
      </c>
      <c r="I102" s="68" t="s">
        <v>118</v>
      </c>
      <c r="J102" s="68" t="s">
        <v>303</v>
      </c>
      <c r="K102" s="94" t="s">
        <v>148</v>
      </c>
      <c r="L102" s="68" t="s">
        <v>304</v>
      </c>
      <c r="M102" s="94" t="s">
        <v>148</v>
      </c>
      <c r="N102" s="68" t="s">
        <v>305</v>
      </c>
      <c r="O102" s="94" t="s">
        <v>148</v>
      </c>
      <c r="P102" s="42" t="s">
        <v>118</v>
      </c>
      <c r="Q102" s="42" t="s">
        <v>303</v>
      </c>
      <c r="R102" s="95" t="s">
        <v>148</v>
      </c>
      <c r="S102" s="42" t="s">
        <v>304</v>
      </c>
      <c r="T102" s="95" t="s">
        <v>148</v>
      </c>
      <c r="U102" s="42" t="s">
        <v>305</v>
      </c>
      <c r="V102" s="95" t="s">
        <v>148</v>
      </c>
    </row>
    <row r="103" spans="1:22">
      <c r="A103" s="45" t="s">
        <v>444</v>
      </c>
      <c r="B103" s="183">
        <v>11221</v>
      </c>
      <c r="C103" s="184">
        <v>0.31779840475798382</v>
      </c>
      <c r="D103" s="98">
        <v>8.614276547735545E-3</v>
      </c>
      <c r="E103" s="184">
        <v>0.26153205164951393</v>
      </c>
      <c r="F103" s="98">
        <v>8.1308647564831329E-3</v>
      </c>
      <c r="G103" s="184">
        <v>0.42066954359250219</v>
      </c>
      <c r="H103" s="98">
        <v>9.1327297757396782E-3</v>
      </c>
      <c r="I103" s="183">
        <v>11965</v>
      </c>
      <c r="J103" s="184">
        <v>0.28655791958273158</v>
      </c>
      <c r="K103" s="98">
        <v>8.1011195493686499E-3</v>
      </c>
      <c r="L103" s="184">
        <v>0.24348430271349097</v>
      </c>
      <c r="M103" s="98">
        <v>7.6899484061456313E-3</v>
      </c>
      <c r="N103" s="184">
        <v>0.46995777770377745</v>
      </c>
      <c r="O103" s="98">
        <v>8.9415398717017612E-3</v>
      </c>
      <c r="P103" s="183">
        <v>12361</v>
      </c>
      <c r="Q103" s="184">
        <v>0.23828433438762517</v>
      </c>
      <c r="R103" s="98">
        <v>7.5102812853526336E-3</v>
      </c>
      <c r="S103" s="184">
        <v>0.15442294460253603</v>
      </c>
      <c r="T103" s="98">
        <v>6.3711811529335175E-3</v>
      </c>
      <c r="U103" s="184">
        <v>0.60729272100983878</v>
      </c>
      <c r="V103" s="98">
        <v>8.60794145778007E-3</v>
      </c>
    </row>
    <row r="104" spans="1:22">
      <c r="A104" s="49" t="s">
        <v>445</v>
      </c>
      <c r="B104" s="185">
        <v>898</v>
      </c>
      <c r="C104" s="186">
        <v>0.33708795660957769</v>
      </c>
      <c r="D104" s="101">
        <v>3.0866009805925489E-2</v>
      </c>
      <c r="E104" s="186">
        <v>0.26244961149454188</v>
      </c>
      <c r="F104" s="101">
        <v>2.8749553365720382E-2</v>
      </c>
      <c r="G104" s="186">
        <v>0.40046243189588038</v>
      </c>
      <c r="H104" s="101">
        <v>3.1983145855669567E-2</v>
      </c>
      <c r="I104" s="185">
        <v>946</v>
      </c>
      <c r="J104" s="186">
        <v>0.28752321873357933</v>
      </c>
      <c r="K104" s="101">
        <v>2.8808315350876076E-2</v>
      </c>
      <c r="L104" s="186">
        <v>0.24997435967023349</v>
      </c>
      <c r="M104" s="101">
        <v>2.7573228807550094E-2</v>
      </c>
      <c r="N104" s="186">
        <v>0.46250242159618715</v>
      </c>
      <c r="O104" s="101">
        <v>3.1706612936046985E-2</v>
      </c>
      <c r="P104" s="185">
        <v>983</v>
      </c>
      <c r="Q104" s="186">
        <v>0.20229162104507459</v>
      </c>
      <c r="R104" s="101">
        <v>2.5117193632804388E-2</v>
      </c>
      <c r="S104" s="186">
        <v>0.19113505197135036</v>
      </c>
      <c r="T104" s="101">
        <v>2.4591601994818867E-2</v>
      </c>
      <c r="U104" s="186">
        <v>0.60657332698357502</v>
      </c>
      <c r="V104" s="101">
        <v>3.0482784207767847E-2</v>
      </c>
    </row>
    <row r="105" spans="1:22">
      <c r="A105" s="53" t="s">
        <v>446</v>
      </c>
      <c r="B105" s="54">
        <v>112</v>
      </c>
      <c r="C105" s="187">
        <v>0.34478176820004713</v>
      </c>
      <c r="D105" s="98">
        <v>8.6807282721731591E-2</v>
      </c>
      <c r="E105" s="187">
        <v>0.30596571922558996</v>
      </c>
      <c r="F105" s="98">
        <v>8.4362170346555077E-2</v>
      </c>
      <c r="G105" s="187">
        <v>0.34925251257436291</v>
      </c>
      <c r="H105" s="98">
        <v>8.7050186056433179E-2</v>
      </c>
      <c r="I105" s="54">
        <v>118</v>
      </c>
      <c r="J105" s="187">
        <v>0.31509073086651479</v>
      </c>
      <c r="K105" s="98">
        <v>8.2854903667259797E-2</v>
      </c>
      <c r="L105" s="187">
        <v>0.39546611586322794</v>
      </c>
      <c r="M105" s="98">
        <v>8.6892109309946702E-2</v>
      </c>
      <c r="N105" s="187">
        <v>0.28944315327025727</v>
      </c>
      <c r="O105" s="98">
        <v>8.1031811838030529E-2</v>
      </c>
      <c r="P105" s="54">
        <v>126</v>
      </c>
      <c r="Q105" s="187">
        <v>0.15629481869994286</v>
      </c>
      <c r="R105" s="98">
        <v>6.4095906228505903E-2</v>
      </c>
      <c r="S105" s="187">
        <v>0.303601700458278</v>
      </c>
      <c r="T105" s="98">
        <v>7.9479030708730303E-2</v>
      </c>
      <c r="U105" s="187">
        <v>0.54010348084177917</v>
      </c>
      <c r="V105" s="98">
        <v>8.5691573788473974E-2</v>
      </c>
    </row>
    <row r="106" spans="1:22">
      <c r="A106" s="49" t="s">
        <v>447</v>
      </c>
      <c r="B106" s="185">
        <v>59</v>
      </c>
      <c r="C106" s="186">
        <v>0.6117108615372886</v>
      </c>
      <c r="D106" s="101">
        <v>0.12073543721834087</v>
      </c>
      <c r="E106" s="186">
        <v>0.14676816807560888</v>
      </c>
      <c r="F106" s="101">
        <v>9.2582671576681E-2</v>
      </c>
      <c r="G106" s="186">
        <v>0.24152097038710252</v>
      </c>
      <c r="H106" s="101">
        <v>0.1080339976260624</v>
      </c>
      <c r="I106" s="185">
        <v>61</v>
      </c>
      <c r="J106" s="186">
        <v>0.47967271461683408</v>
      </c>
      <c r="K106" s="101">
        <v>0.12146553867930888</v>
      </c>
      <c r="L106" s="186">
        <v>0.20822220454180981</v>
      </c>
      <c r="M106" s="101">
        <v>0.10170561888174959</v>
      </c>
      <c r="N106" s="186">
        <v>0.31210508084135613</v>
      </c>
      <c r="O106" s="101">
        <v>0.11374418127871254</v>
      </c>
      <c r="P106" s="185">
        <v>66</v>
      </c>
      <c r="Q106" s="186">
        <v>0.34217000620353588</v>
      </c>
      <c r="R106" s="101">
        <v>0.1118243974862794</v>
      </c>
      <c r="S106" s="186">
        <v>0.1448168318229156</v>
      </c>
      <c r="T106" s="101">
        <v>8.6978426847085843E-2</v>
      </c>
      <c r="U106" s="186">
        <v>0.51301316197354851</v>
      </c>
      <c r="V106" s="101">
        <v>0.11709713172924643</v>
      </c>
    </row>
    <row r="107" spans="1:22">
      <c r="A107" s="57" t="s">
        <v>448</v>
      </c>
      <c r="B107" s="183">
        <v>252</v>
      </c>
      <c r="C107" s="184">
        <v>0.30410236370098426</v>
      </c>
      <c r="D107" s="98">
        <v>5.6511414667682482E-2</v>
      </c>
      <c r="E107" s="184">
        <v>0.26064146886353101</v>
      </c>
      <c r="F107" s="98">
        <v>5.402290235540913E-2</v>
      </c>
      <c r="G107" s="184">
        <v>0.43525616743548473</v>
      </c>
      <c r="H107" s="98">
        <v>6.075039254659937E-2</v>
      </c>
      <c r="I107" s="183">
        <v>262</v>
      </c>
      <c r="J107" s="184">
        <v>0.24803627570926073</v>
      </c>
      <c r="K107" s="98">
        <v>5.2163459607652528E-2</v>
      </c>
      <c r="L107" s="184">
        <v>0.28046880612452674</v>
      </c>
      <c r="M107" s="98">
        <v>5.4178223394908347E-2</v>
      </c>
      <c r="N107" s="184">
        <v>0.47149491816621253</v>
      </c>
      <c r="O107" s="98">
        <v>5.9992847942900746E-2</v>
      </c>
      <c r="P107" s="183">
        <v>275</v>
      </c>
      <c r="Q107" s="184">
        <v>0.14369597902342551</v>
      </c>
      <c r="R107" s="98">
        <v>4.1761529603587554E-2</v>
      </c>
      <c r="S107" s="184">
        <v>0.1366489962269167</v>
      </c>
      <c r="T107" s="98">
        <v>4.0941230017191549E-2</v>
      </c>
      <c r="U107" s="184">
        <v>0.71965502474965781</v>
      </c>
      <c r="V107" s="98">
        <v>5.2885411914652979E-2</v>
      </c>
    </row>
    <row r="108" spans="1:22">
      <c r="A108" s="49" t="s">
        <v>449</v>
      </c>
      <c r="B108" s="185">
        <v>271</v>
      </c>
      <c r="C108" s="186">
        <v>0.24172267135547801</v>
      </c>
      <c r="D108" s="101">
        <v>5.0866613047737451E-2</v>
      </c>
      <c r="E108" s="186">
        <v>0.27615386334437242</v>
      </c>
      <c r="F108" s="101">
        <v>5.3034041093005933E-2</v>
      </c>
      <c r="G108" s="186">
        <v>0.4821234653001496</v>
      </c>
      <c r="H108" s="101">
        <v>5.9059532124539342E-2</v>
      </c>
      <c r="I108" s="185">
        <v>285</v>
      </c>
      <c r="J108" s="186">
        <v>0.21380858256207694</v>
      </c>
      <c r="K108" s="101">
        <v>4.7585342600346719E-2</v>
      </c>
      <c r="L108" s="186">
        <v>0.17908079557543241</v>
      </c>
      <c r="M108" s="101">
        <v>4.4629702911263752E-2</v>
      </c>
      <c r="N108" s="186">
        <v>0.60711062186249065</v>
      </c>
      <c r="O108" s="101">
        <v>5.6346005829904663E-2</v>
      </c>
      <c r="P108" s="185">
        <v>301</v>
      </c>
      <c r="Q108" s="186">
        <v>0.16582439137537305</v>
      </c>
      <c r="R108" s="101">
        <v>4.217739629695795E-2</v>
      </c>
      <c r="S108" s="186">
        <v>0.12565937381685285</v>
      </c>
      <c r="T108" s="101">
        <v>3.7813198168612894E-2</v>
      </c>
      <c r="U108" s="186">
        <v>0.70851623480777415</v>
      </c>
      <c r="V108" s="101">
        <v>5.114182646295521E-2</v>
      </c>
    </row>
    <row r="109" spans="1:22">
      <c r="A109" s="57" t="s">
        <v>450</v>
      </c>
      <c r="B109" s="183">
        <v>159</v>
      </c>
      <c r="C109" s="184">
        <v>0.24093970633722195</v>
      </c>
      <c r="D109" s="98">
        <v>6.6234387559839458E-2</v>
      </c>
      <c r="E109" s="184">
        <v>0.30628459811469594</v>
      </c>
      <c r="F109" s="98">
        <v>7.1066800433295205E-2</v>
      </c>
      <c r="G109" s="184">
        <v>0.45277569554808211</v>
      </c>
      <c r="H109" s="98">
        <v>7.6433058834386294E-2</v>
      </c>
      <c r="I109" s="183">
        <v>166</v>
      </c>
      <c r="J109" s="184">
        <v>0.2036212208165408</v>
      </c>
      <c r="K109" s="98">
        <v>6.1292234345412179E-2</v>
      </c>
      <c r="L109" s="184">
        <v>0.18297929364029022</v>
      </c>
      <c r="M109" s="98">
        <v>5.9024728884241089E-2</v>
      </c>
      <c r="N109" s="184">
        <v>0.61339948554316892</v>
      </c>
      <c r="O109" s="98">
        <v>7.3296198355957201E-2</v>
      </c>
      <c r="P109" s="183">
        <v>173</v>
      </c>
      <c r="Q109" s="184">
        <v>5.9882696283813312E-2</v>
      </c>
      <c r="R109" s="98">
        <v>3.7546401148625112E-2</v>
      </c>
      <c r="S109" s="184">
        <v>0.14866413376552032</v>
      </c>
      <c r="T109" s="98">
        <v>5.3541008825694923E-2</v>
      </c>
      <c r="U109" s="184">
        <v>0.79145316995066639</v>
      </c>
      <c r="V109" s="98">
        <v>6.053704814528172E-2</v>
      </c>
    </row>
  </sheetData>
  <mergeCells count="23">
    <mergeCell ref="B100:H100"/>
    <mergeCell ref="I100:O100"/>
    <mergeCell ref="P100:V100"/>
    <mergeCell ref="A79:D79"/>
    <mergeCell ref="A80:D80"/>
    <mergeCell ref="A81:D81"/>
    <mergeCell ref="A98:V98"/>
    <mergeCell ref="A99:V99"/>
    <mergeCell ref="A43:D43"/>
    <mergeCell ref="B62:H62"/>
    <mergeCell ref="I62:O62"/>
    <mergeCell ref="A60:O60"/>
    <mergeCell ref="A61:O61"/>
    <mergeCell ref="A24:D24"/>
    <mergeCell ref="A41:D41"/>
    <mergeCell ref="A42:D42"/>
    <mergeCell ref="E24:I24"/>
    <mergeCell ref="A23:I23"/>
    <mergeCell ref="A5:D5"/>
    <mergeCell ref="A3:O3"/>
    <mergeCell ref="A4:O4"/>
    <mergeCell ref="E5:O5"/>
    <mergeCell ref="A22:I22"/>
  </mergeCells>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71"/>
  <sheetViews>
    <sheetView workbookViewId="0"/>
  </sheetViews>
  <sheetFormatPr defaultColWidth="19.140625" defaultRowHeight="15"/>
  <cols>
    <col min="1" max="1" width="30.140625" customWidth="1"/>
  </cols>
  <sheetData>
    <row r="1" spans="1:4" ht="31.5">
      <c r="A1" s="33" t="s">
        <v>47</v>
      </c>
    </row>
    <row r="3" spans="1:4" ht="18.75">
      <c r="A3" s="329" t="s">
        <v>15</v>
      </c>
      <c r="B3" s="329"/>
      <c r="C3" s="329"/>
      <c r="D3" s="329"/>
    </row>
    <row r="4" spans="1:4" ht="152.25" customHeight="1">
      <c r="A4" s="355" t="s">
        <v>389</v>
      </c>
      <c r="B4" s="355"/>
      <c r="C4" s="355"/>
      <c r="D4" s="355"/>
    </row>
    <row r="5" spans="1:4" ht="15.75" customHeight="1">
      <c r="A5" s="354" t="s">
        <v>207</v>
      </c>
      <c r="B5" s="354"/>
      <c r="C5" s="354"/>
      <c r="D5" s="354"/>
    </row>
    <row r="6" spans="1:4" ht="72">
      <c r="A6" s="37" t="s">
        <v>114</v>
      </c>
      <c r="B6" s="38" t="s">
        <v>115</v>
      </c>
      <c r="C6" s="39" t="s">
        <v>116</v>
      </c>
      <c r="D6" s="40" t="s">
        <v>117</v>
      </c>
    </row>
    <row r="7" spans="1:4" ht="72">
      <c r="A7" s="41"/>
      <c r="B7" s="42" t="s">
        <v>118</v>
      </c>
      <c r="C7" s="134" t="s">
        <v>208</v>
      </c>
      <c r="D7" s="44" t="s">
        <v>120</v>
      </c>
    </row>
    <row r="8" spans="1:4">
      <c r="A8" s="45" t="s">
        <v>444</v>
      </c>
      <c r="B8" s="188">
        <v>12281</v>
      </c>
      <c r="C8" s="189">
        <v>4.3914358412499848</v>
      </c>
      <c r="D8" s="88">
        <v>4.0951281730191802E-2</v>
      </c>
    </row>
    <row r="9" spans="1:4">
      <c r="A9" s="49" t="s">
        <v>445</v>
      </c>
      <c r="B9" s="190">
        <v>971</v>
      </c>
      <c r="C9" s="191">
        <v>4.283679846180001</v>
      </c>
      <c r="D9" s="91">
        <v>0.15025364493158744</v>
      </c>
    </row>
    <row r="10" spans="1:4">
      <c r="A10" s="53" t="s">
        <v>446</v>
      </c>
      <c r="B10" s="83">
        <v>123</v>
      </c>
      <c r="C10" s="84">
        <v>3.8668067677373759</v>
      </c>
      <c r="D10" s="85">
        <v>0.36914145978916002</v>
      </c>
    </row>
    <row r="11" spans="1:4">
      <c r="A11" s="49" t="s">
        <v>447</v>
      </c>
      <c r="B11" s="190">
        <v>66</v>
      </c>
      <c r="C11" s="191">
        <v>3.9687870045801863</v>
      </c>
      <c r="D11" s="91">
        <v>0.42558721927590826</v>
      </c>
    </row>
    <row r="12" spans="1:4">
      <c r="A12" s="57" t="s">
        <v>448</v>
      </c>
      <c r="B12" s="188">
        <v>279</v>
      </c>
      <c r="C12" s="189">
        <v>4.3286704439975283</v>
      </c>
      <c r="D12" s="88">
        <v>0.24136085938304319</v>
      </c>
    </row>
    <row r="13" spans="1:4">
      <c r="A13" s="49" t="s">
        <v>449</v>
      </c>
      <c r="B13" s="190">
        <v>299</v>
      </c>
      <c r="C13" s="191">
        <v>4.5363996258534822</v>
      </c>
      <c r="D13" s="91">
        <v>0.2681134723067542</v>
      </c>
    </row>
    <row r="14" spans="1:4">
      <c r="A14" s="57" t="s">
        <v>450</v>
      </c>
      <c r="B14" s="188">
        <v>170</v>
      </c>
      <c r="C14" s="189">
        <v>4.6659011900117084</v>
      </c>
      <c r="D14" s="88">
        <v>0.21703624022661661</v>
      </c>
    </row>
    <row r="22" spans="1:29" ht="18.75">
      <c r="A22" s="329" t="s">
        <v>50</v>
      </c>
      <c r="B22" s="329"/>
      <c r="C22" s="329"/>
      <c r="D22" s="329"/>
      <c r="E22" s="329"/>
      <c r="F22" s="329"/>
      <c r="G22" s="329"/>
      <c r="H22" s="329"/>
      <c r="I22" s="329"/>
      <c r="J22" s="329"/>
      <c r="K22" s="329"/>
      <c r="L22" s="329"/>
      <c r="M22" s="329"/>
      <c r="N22" s="329"/>
      <c r="O22" s="329"/>
      <c r="P22" s="329"/>
      <c r="Q22" s="329"/>
      <c r="R22" s="329"/>
      <c r="S22" s="329"/>
      <c r="T22" s="329"/>
      <c r="U22" s="329"/>
      <c r="V22" s="329"/>
      <c r="W22" s="329"/>
      <c r="X22" s="329"/>
      <c r="Y22" s="329"/>
      <c r="Z22" s="329"/>
      <c r="AA22" s="329"/>
      <c r="AB22" s="329"/>
      <c r="AC22" s="329"/>
    </row>
    <row r="23" spans="1:29" ht="54.75" customHeight="1">
      <c r="A23" s="355" t="s">
        <v>209</v>
      </c>
      <c r="B23" s="355"/>
      <c r="C23" s="355"/>
      <c r="D23" s="355"/>
      <c r="E23" s="355"/>
      <c r="F23" s="355"/>
      <c r="G23" s="355"/>
      <c r="H23" s="355"/>
      <c r="I23" s="355"/>
      <c r="J23" s="355"/>
      <c r="K23" s="355"/>
      <c r="L23" s="355"/>
      <c r="M23" s="355"/>
      <c r="N23" s="355"/>
      <c r="O23" s="355"/>
      <c r="P23" s="355"/>
      <c r="Q23" s="355"/>
      <c r="R23" s="355"/>
      <c r="S23" s="355"/>
      <c r="T23" s="355"/>
      <c r="U23" s="355"/>
      <c r="V23" s="355"/>
      <c r="W23" s="355"/>
      <c r="X23" s="355"/>
      <c r="Y23" s="355"/>
      <c r="Z23" s="355"/>
      <c r="AA23" s="355"/>
      <c r="AB23" s="355"/>
      <c r="AC23" s="355"/>
    </row>
    <row r="24" spans="1:29" ht="33.75" customHeight="1">
      <c r="A24" s="64"/>
      <c r="B24" s="354" t="s">
        <v>210</v>
      </c>
      <c r="C24" s="354"/>
      <c r="D24" s="354"/>
      <c r="E24" s="354"/>
      <c r="F24" s="354"/>
      <c r="G24" s="354"/>
      <c r="H24" s="354"/>
      <c r="I24" s="354" t="s">
        <v>211</v>
      </c>
      <c r="J24" s="354"/>
      <c r="K24" s="354"/>
      <c r="L24" s="354"/>
      <c r="M24" s="354"/>
      <c r="N24" s="354"/>
      <c r="O24" s="354"/>
      <c r="P24" s="354" t="s">
        <v>212</v>
      </c>
      <c r="Q24" s="354"/>
      <c r="R24" s="354"/>
      <c r="S24" s="354"/>
      <c r="T24" s="354"/>
      <c r="U24" s="354"/>
      <c r="V24" s="354"/>
      <c r="W24" s="354" t="s">
        <v>390</v>
      </c>
      <c r="X24" s="354"/>
      <c r="Y24" s="354"/>
      <c r="Z24" s="354"/>
      <c r="AA24" s="354"/>
      <c r="AB24" s="354"/>
      <c r="AC24" s="354"/>
    </row>
    <row r="25" spans="1:29" ht="41.25" customHeight="1">
      <c r="A25" s="37" t="s">
        <v>114</v>
      </c>
      <c r="B25" s="38" t="s">
        <v>115</v>
      </c>
      <c r="C25" s="38" t="s">
        <v>300</v>
      </c>
      <c r="D25" s="93" t="s">
        <v>145</v>
      </c>
      <c r="E25" s="38" t="s">
        <v>301</v>
      </c>
      <c r="F25" s="93" t="s">
        <v>146</v>
      </c>
      <c r="G25" s="38" t="s">
        <v>302</v>
      </c>
      <c r="H25" s="93" t="s">
        <v>147</v>
      </c>
      <c r="I25" s="65" t="s">
        <v>115</v>
      </c>
      <c r="J25" s="65" t="s">
        <v>300</v>
      </c>
      <c r="K25" s="92" t="s">
        <v>145</v>
      </c>
      <c r="L25" s="65" t="s">
        <v>301</v>
      </c>
      <c r="M25" s="92" t="s">
        <v>146</v>
      </c>
      <c r="N25" s="65" t="s">
        <v>302</v>
      </c>
      <c r="O25" s="92" t="s">
        <v>147</v>
      </c>
      <c r="P25" s="38" t="s">
        <v>115</v>
      </c>
      <c r="Q25" s="38" t="s">
        <v>300</v>
      </c>
      <c r="R25" s="93" t="s">
        <v>145</v>
      </c>
      <c r="S25" s="38" t="s">
        <v>301</v>
      </c>
      <c r="T25" s="93" t="s">
        <v>146</v>
      </c>
      <c r="U25" s="38" t="s">
        <v>302</v>
      </c>
      <c r="V25" s="93" t="s">
        <v>147</v>
      </c>
      <c r="W25" s="65" t="s">
        <v>115</v>
      </c>
      <c r="X25" s="65" t="s">
        <v>300</v>
      </c>
      <c r="Y25" s="92" t="s">
        <v>145</v>
      </c>
      <c r="Z25" s="65" t="s">
        <v>301</v>
      </c>
      <c r="AA25" s="92" t="s">
        <v>146</v>
      </c>
      <c r="AB25" s="65" t="s">
        <v>302</v>
      </c>
      <c r="AC25" s="92" t="s">
        <v>147</v>
      </c>
    </row>
    <row r="26" spans="1:29" ht="77.25" customHeight="1">
      <c r="A26" s="41"/>
      <c r="B26" s="42" t="s">
        <v>118</v>
      </c>
      <c r="C26" s="42" t="s">
        <v>303</v>
      </c>
      <c r="D26" s="95" t="s">
        <v>213</v>
      </c>
      <c r="E26" s="42" t="s">
        <v>304</v>
      </c>
      <c r="F26" s="95" t="s">
        <v>214</v>
      </c>
      <c r="G26" s="42" t="s">
        <v>305</v>
      </c>
      <c r="H26" s="95" t="s">
        <v>215</v>
      </c>
      <c r="I26" s="68" t="s">
        <v>118</v>
      </c>
      <c r="J26" s="68" t="s">
        <v>303</v>
      </c>
      <c r="K26" s="94" t="s">
        <v>213</v>
      </c>
      <c r="L26" s="68" t="s">
        <v>304</v>
      </c>
      <c r="M26" s="94" t="s">
        <v>214</v>
      </c>
      <c r="N26" s="68" t="s">
        <v>305</v>
      </c>
      <c r="O26" s="94" t="s">
        <v>215</v>
      </c>
      <c r="P26" s="42" t="s">
        <v>118</v>
      </c>
      <c r="Q26" s="42" t="s">
        <v>303</v>
      </c>
      <c r="R26" s="95" t="s">
        <v>213</v>
      </c>
      <c r="S26" s="42" t="s">
        <v>304</v>
      </c>
      <c r="T26" s="95" t="s">
        <v>214</v>
      </c>
      <c r="U26" s="42" t="s">
        <v>305</v>
      </c>
      <c r="V26" s="95" t="s">
        <v>215</v>
      </c>
      <c r="W26" s="68" t="s">
        <v>118</v>
      </c>
      <c r="X26" s="68" t="s">
        <v>303</v>
      </c>
      <c r="Y26" s="94" t="s">
        <v>213</v>
      </c>
      <c r="Z26" s="68" t="s">
        <v>304</v>
      </c>
      <c r="AA26" s="94" t="s">
        <v>214</v>
      </c>
      <c r="AB26" s="68" t="s">
        <v>305</v>
      </c>
      <c r="AC26" s="94" t="s">
        <v>215</v>
      </c>
    </row>
    <row r="27" spans="1:29">
      <c r="A27" s="45" t="s">
        <v>444</v>
      </c>
      <c r="B27" s="188">
        <v>12358</v>
      </c>
      <c r="C27" s="192">
        <v>0.33155788412339932</v>
      </c>
      <c r="D27" s="98">
        <v>8.2992963109474547E-3</v>
      </c>
      <c r="E27" s="192">
        <v>0.1996986823942023</v>
      </c>
      <c r="F27" s="98">
        <v>7.0486400674939125E-3</v>
      </c>
      <c r="G27" s="192">
        <v>0.46874343348239839</v>
      </c>
      <c r="H27" s="98">
        <v>8.7969476381442174E-3</v>
      </c>
      <c r="I27" s="188">
        <v>12378</v>
      </c>
      <c r="J27" s="192">
        <v>0.39990913520657373</v>
      </c>
      <c r="K27" s="98">
        <v>8.6289051972025261E-3</v>
      </c>
      <c r="L27" s="192">
        <v>0.19478620270533847</v>
      </c>
      <c r="M27" s="98">
        <v>6.9771598009403767E-3</v>
      </c>
      <c r="N27" s="192">
        <v>0.4053046620880878</v>
      </c>
      <c r="O27" s="98">
        <v>8.6477665427070784E-3</v>
      </c>
      <c r="P27" s="188">
        <v>12361</v>
      </c>
      <c r="Q27" s="192">
        <v>0.23828433438762517</v>
      </c>
      <c r="R27" s="98">
        <v>7.5102812853526336E-3</v>
      </c>
      <c r="S27" s="192">
        <v>0.15442294460253603</v>
      </c>
      <c r="T27" s="98">
        <v>6.3711811529335175E-3</v>
      </c>
      <c r="U27" s="192">
        <v>0.60729272100983878</v>
      </c>
      <c r="V27" s="98">
        <v>8.60794145778007E-3</v>
      </c>
      <c r="W27" s="188">
        <v>12517</v>
      </c>
      <c r="X27" s="192">
        <v>0.18910442117109544</v>
      </c>
      <c r="Y27" s="98">
        <v>6.8605240509122525E-3</v>
      </c>
      <c r="Z27" s="192">
        <v>0.19656877983842372</v>
      </c>
      <c r="AA27" s="98">
        <v>6.9622408394216725E-3</v>
      </c>
      <c r="AB27" s="192">
        <v>0.61432679899048082</v>
      </c>
      <c r="AC27" s="98">
        <v>8.5261639190151606E-3</v>
      </c>
    </row>
    <row r="28" spans="1:29">
      <c r="A28" s="49" t="s">
        <v>445</v>
      </c>
      <c r="B28" s="190">
        <v>967</v>
      </c>
      <c r="C28" s="193">
        <v>0.36287135393826359</v>
      </c>
      <c r="D28" s="101">
        <v>3.0253911324883646E-2</v>
      </c>
      <c r="E28" s="193">
        <v>0.2286177451121896</v>
      </c>
      <c r="F28" s="101">
        <v>2.645943594460105E-2</v>
      </c>
      <c r="G28" s="193">
        <v>0.40851090094954678</v>
      </c>
      <c r="H28" s="101">
        <v>3.0923133264853873E-2</v>
      </c>
      <c r="I28" s="190">
        <v>966</v>
      </c>
      <c r="J28" s="193">
        <v>0.43804267338295316</v>
      </c>
      <c r="K28" s="101">
        <v>3.1225395801416925E-2</v>
      </c>
      <c r="L28" s="193">
        <v>0.20864437295253743</v>
      </c>
      <c r="M28" s="101">
        <v>2.5625733266402589E-2</v>
      </c>
      <c r="N28" s="193">
        <v>0.35331295366450943</v>
      </c>
      <c r="O28" s="101">
        <v>3.0092987769081394E-2</v>
      </c>
      <c r="P28" s="190">
        <v>983</v>
      </c>
      <c r="Q28" s="193">
        <v>0.20229162104507459</v>
      </c>
      <c r="R28" s="101">
        <v>2.5117193632804388E-2</v>
      </c>
      <c r="S28" s="193">
        <v>0.19113505197135036</v>
      </c>
      <c r="T28" s="101">
        <v>2.4591601994818867E-2</v>
      </c>
      <c r="U28" s="193">
        <v>0.60657332698357502</v>
      </c>
      <c r="V28" s="101">
        <v>3.0482784207767847E-2</v>
      </c>
      <c r="W28" s="190">
        <v>988</v>
      </c>
      <c r="X28" s="193">
        <v>0.20472669207606214</v>
      </c>
      <c r="Y28" s="101">
        <v>2.5163991400624787E-2</v>
      </c>
      <c r="Z28" s="193">
        <v>0.22320957808732211</v>
      </c>
      <c r="AA28" s="101">
        <v>2.5958490274503219E-2</v>
      </c>
      <c r="AB28" s="193">
        <v>0.57206372983661569</v>
      </c>
      <c r="AC28" s="101">
        <v>3.0792791478713215E-2</v>
      </c>
    </row>
    <row r="29" spans="1:29">
      <c r="A29" s="53" t="s">
        <v>446</v>
      </c>
      <c r="B29" s="54">
        <v>119</v>
      </c>
      <c r="C29" s="187">
        <v>0.47755954117415683</v>
      </c>
      <c r="D29" s="98">
        <v>8.82802838067865E-2</v>
      </c>
      <c r="E29" s="187">
        <v>0.25661109168563784</v>
      </c>
      <c r="F29" s="98">
        <v>7.7950957456798781E-2</v>
      </c>
      <c r="G29" s="187">
        <v>0.26582936714020533</v>
      </c>
      <c r="H29" s="98">
        <v>7.8772131016098687E-2</v>
      </c>
      <c r="I29" s="54">
        <v>119</v>
      </c>
      <c r="J29" s="187">
        <v>0.58831093111741706</v>
      </c>
      <c r="K29" s="98">
        <v>8.7063988277509927E-2</v>
      </c>
      <c r="L29" s="187">
        <v>0.19599025147282717</v>
      </c>
      <c r="M29" s="98">
        <v>7.145804349089252E-2</v>
      </c>
      <c r="N29" s="187">
        <v>0.21569881740975583</v>
      </c>
      <c r="O29" s="98">
        <v>7.3791701940916721E-2</v>
      </c>
      <c r="P29" s="54">
        <v>121</v>
      </c>
      <c r="Q29" s="187">
        <v>0.27004488395150134</v>
      </c>
      <c r="R29" s="98">
        <v>7.8488302150678632E-2</v>
      </c>
      <c r="S29" s="187">
        <v>0.23573082503433851</v>
      </c>
      <c r="T29" s="98">
        <v>7.5312970480782851E-2</v>
      </c>
      <c r="U29" s="187">
        <v>0.49422429101416016</v>
      </c>
      <c r="V29" s="98">
        <v>8.7648384776004576E-2</v>
      </c>
      <c r="W29" s="54">
        <v>125</v>
      </c>
      <c r="X29" s="187">
        <v>0.21346004405685623</v>
      </c>
      <c r="Y29" s="98">
        <v>7.1757679677147829E-2</v>
      </c>
      <c r="Z29" s="187">
        <v>0.29555998910327463</v>
      </c>
      <c r="AA29" s="98">
        <v>7.9222997594474001E-2</v>
      </c>
      <c r="AB29" s="187">
        <v>0.49097996683986911</v>
      </c>
      <c r="AC29" s="98">
        <v>8.6271004696154618E-2</v>
      </c>
    </row>
    <row r="30" spans="1:29">
      <c r="A30" s="49" t="s">
        <v>447</v>
      </c>
      <c r="B30" s="190">
        <v>62</v>
      </c>
      <c r="C30" s="193">
        <v>0.3686660015976414</v>
      </c>
      <c r="D30" s="101">
        <v>0.11689973108392419</v>
      </c>
      <c r="E30" s="193">
        <v>0.18144901216773973</v>
      </c>
      <c r="F30" s="101">
        <v>9.6640097703857605E-2</v>
      </c>
      <c r="G30" s="193">
        <v>0.44988498623461887</v>
      </c>
      <c r="H30" s="101">
        <v>0.12009376447788705</v>
      </c>
      <c r="I30" s="190">
        <v>62</v>
      </c>
      <c r="J30" s="193">
        <v>0.51395404031821967</v>
      </c>
      <c r="K30" s="101">
        <v>0.12058819878219885</v>
      </c>
      <c r="L30" s="193">
        <v>0.26664068813352049</v>
      </c>
      <c r="M30" s="101">
        <v>0.10841760260455732</v>
      </c>
      <c r="N30" s="193">
        <v>0.21940527154825987</v>
      </c>
      <c r="O30" s="101">
        <v>0.10250564515557961</v>
      </c>
      <c r="P30" s="190">
        <v>62</v>
      </c>
      <c r="Q30" s="193">
        <v>0.23766698831666827</v>
      </c>
      <c r="R30" s="101">
        <v>0.10496035640431793</v>
      </c>
      <c r="S30" s="193">
        <v>0.17362937713026314</v>
      </c>
      <c r="T30" s="101">
        <v>9.5290473140259152E-2</v>
      </c>
      <c r="U30" s="193">
        <v>0.58870363455306862</v>
      </c>
      <c r="V30" s="101">
        <v>0.1189426814246879</v>
      </c>
      <c r="W30" s="190">
        <v>66</v>
      </c>
      <c r="X30" s="193">
        <v>0.37224943296514218</v>
      </c>
      <c r="Y30" s="101">
        <v>0.11368281654947385</v>
      </c>
      <c r="Z30" s="193">
        <v>0.16074771588543729</v>
      </c>
      <c r="AA30" s="101">
        <v>9.0027651862758712E-2</v>
      </c>
      <c r="AB30" s="193">
        <v>0.46700285114942058</v>
      </c>
      <c r="AC30" s="101">
        <v>0.11690543152213591</v>
      </c>
    </row>
    <row r="31" spans="1:29">
      <c r="A31" s="57" t="s">
        <v>448</v>
      </c>
      <c r="B31" s="188">
        <v>271</v>
      </c>
      <c r="C31" s="192">
        <v>0.37232769698601481</v>
      </c>
      <c r="D31" s="98">
        <v>5.7194706664109758E-2</v>
      </c>
      <c r="E31" s="192">
        <v>0.20220470071285482</v>
      </c>
      <c r="F31" s="98">
        <v>4.7846638106165532E-2</v>
      </c>
      <c r="G31" s="192">
        <v>0.42546760230113029</v>
      </c>
      <c r="H31" s="98">
        <v>5.8455139209379531E-2</v>
      </c>
      <c r="I31" s="188">
        <v>273</v>
      </c>
      <c r="J31" s="192">
        <v>0.46313497828022782</v>
      </c>
      <c r="K31" s="98">
        <v>5.8726830287246748E-2</v>
      </c>
      <c r="L31" s="192">
        <v>0.16971472768649271</v>
      </c>
      <c r="M31" s="98">
        <v>4.4694792497375069E-2</v>
      </c>
      <c r="N31" s="192">
        <v>0.36715029403327948</v>
      </c>
      <c r="O31" s="98">
        <v>5.6827798407846165E-2</v>
      </c>
      <c r="P31" s="188">
        <v>278</v>
      </c>
      <c r="Q31" s="192">
        <v>0.22653070037102513</v>
      </c>
      <c r="R31" s="98">
        <v>4.914866065121952E-2</v>
      </c>
      <c r="S31" s="192">
        <v>0.1736259443092569</v>
      </c>
      <c r="T31" s="98">
        <v>4.4670545852681605E-2</v>
      </c>
      <c r="U31" s="192">
        <v>0.599843355319718</v>
      </c>
      <c r="V31" s="98">
        <v>5.7216242733781147E-2</v>
      </c>
      <c r="W31" s="188">
        <v>277</v>
      </c>
      <c r="X31" s="192">
        <v>0.21396420552554152</v>
      </c>
      <c r="Y31" s="98">
        <v>4.8279227753898757E-2</v>
      </c>
      <c r="Z31" s="192">
        <v>0.21567327019787633</v>
      </c>
      <c r="AA31" s="98">
        <v>4.8413155307773653E-2</v>
      </c>
      <c r="AB31" s="192">
        <v>0.57036252427658218</v>
      </c>
      <c r="AC31" s="98">
        <v>5.7896652993533922E-2</v>
      </c>
    </row>
    <row r="32" spans="1:29">
      <c r="A32" s="49" t="s">
        <v>449</v>
      </c>
      <c r="B32" s="190">
        <v>291</v>
      </c>
      <c r="C32" s="193">
        <v>0.31555012348645312</v>
      </c>
      <c r="D32" s="101">
        <v>5.3145860723479273E-2</v>
      </c>
      <c r="E32" s="193">
        <v>0.24740808406206616</v>
      </c>
      <c r="F32" s="101">
        <v>4.9468273485267382E-2</v>
      </c>
      <c r="G32" s="193">
        <v>0.43704179245148073</v>
      </c>
      <c r="H32" s="101">
        <v>5.6615954227771374E-2</v>
      </c>
      <c r="I32" s="190">
        <v>288</v>
      </c>
      <c r="J32" s="193">
        <v>0.33276294548759922</v>
      </c>
      <c r="K32" s="101">
        <v>5.4139618903008106E-2</v>
      </c>
      <c r="L32" s="193">
        <v>0.2205489030989827</v>
      </c>
      <c r="M32" s="101">
        <v>4.7849692795943498E-2</v>
      </c>
      <c r="N32" s="193">
        <v>0.44668815141341811</v>
      </c>
      <c r="O32" s="101">
        <v>5.7032154775608468E-2</v>
      </c>
      <c r="P32" s="190">
        <v>293</v>
      </c>
      <c r="Q32" s="193">
        <v>0.155178471221954</v>
      </c>
      <c r="R32" s="101">
        <v>4.1675648407533503E-2</v>
      </c>
      <c r="S32" s="193">
        <v>0.16684781562249945</v>
      </c>
      <c r="T32" s="101">
        <v>4.2853875287750073E-2</v>
      </c>
      <c r="U32" s="193">
        <v>0.67797371315554655</v>
      </c>
      <c r="V32" s="101">
        <v>5.3244061415988184E-2</v>
      </c>
      <c r="W32" s="190">
        <v>298</v>
      </c>
      <c r="X32" s="193">
        <v>0.15250913126372681</v>
      </c>
      <c r="Y32" s="101">
        <v>4.1043258302306193E-2</v>
      </c>
      <c r="Z32" s="193">
        <v>0.25273694154627196</v>
      </c>
      <c r="AA32" s="101">
        <v>4.9222730122814876E-2</v>
      </c>
      <c r="AB32" s="193">
        <v>0.5947539271900012</v>
      </c>
      <c r="AC32" s="101">
        <v>5.5397915083161095E-2</v>
      </c>
    </row>
    <row r="33" spans="1:29">
      <c r="A33" s="57" t="s">
        <v>450</v>
      </c>
      <c r="B33" s="188">
        <v>169</v>
      </c>
      <c r="C33" s="192">
        <v>0.2328238787940215</v>
      </c>
      <c r="D33" s="98">
        <v>6.3551403633681669E-2</v>
      </c>
      <c r="E33" s="192">
        <v>0.26789322068296584</v>
      </c>
      <c r="F33" s="98">
        <v>6.6406487666631694E-2</v>
      </c>
      <c r="G33" s="192">
        <v>0.49928290052301266</v>
      </c>
      <c r="H33" s="98">
        <v>7.450794715819048E-2</v>
      </c>
      <c r="I33" s="188">
        <v>171</v>
      </c>
      <c r="J33" s="192">
        <v>0.28427093727253827</v>
      </c>
      <c r="K33" s="98">
        <v>6.7175474284353359E-2</v>
      </c>
      <c r="L33" s="192">
        <v>0.22021292274180029</v>
      </c>
      <c r="M33" s="98">
        <v>6.2026109500008343E-2</v>
      </c>
      <c r="N33" s="192">
        <v>0.49551613998566146</v>
      </c>
      <c r="O33" s="98">
        <v>7.4078192474008236E-2</v>
      </c>
      <c r="P33" s="188">
        <v>173</v>
      </c>
      <c r="Q33" s="192">
        <v>0.10011938352086766</v>
      </c>
      <c r="R33" s="98">
        <v>4.5940369289784816E-2</v>
      </c>
      <c r="S33" s="192">
        <v>0.27245444359259224</v>
      </c>
      <c r="T33" s="98">
        <v>6.5973033838830894E-2</v>
      </c>
      <c r="U33" s="192">
        <v>0.62742617288654012</v>
      </c>
      <c r="V33" s="98">
        <v>7.1339475103897168E-2</v>
      </c>
      <c r="W33" s="188">
        <v>168</v>
      </c>
      <c r="X33" s="192">
        <v>6.5770432736536669E-2</v>
      </c>
      <c r="Y33" s="98">
        <v>3.9572205716074144E-2</v>
      </c>
      <c r="Z33" s="192">
        <v>0.10197177958189825</v>
      </c>
      <c r="AA33" s="98">
        <v>4.6988818022897616E-2</v>
      </c>
      <c r="AB33" s="192">
        <v>0.83225778768156511</v>
      </c>
      <c r="AC33" s="98">
        <v>5.6845445803957895E-2</v>
      </c>
    </row>
    <row r="41" spans="1:29" ht="18.75">
      <c r="A41" s="329" t="s">
        <v>51</v>
      </c>
      <c r="B41" s="329"/>
      <c r="C41" s="329"/>
      <c r="D41" s="329"/>
    </row>
    <row r="42" spans="1:29" ht="147" customHeight="1">
      <c r="A42" s="357" t="s">
        <v>391</v>
      </c>
      <c r="B42" s="358"/>
      <c r="C42" s="358"/>
      <c r="D42" s="358"/>
    </row>
    <row r="43" spans="1:29" ht="32.25" customHeight="1">
      <c r="A43" s="328" t="s">
        <v>216</v>
      </c>
      <c r="B43" s="328"/>
      <c r="C43" s="328"/>
      <c r="D43" s="328"/>
    </row>
    <row r="44" spans="1:29" ht="38.25" customHeight="1">
      <c r="A44" s="37" t="s">
        <v>114</v>
      </c>
      <c r="B44" s="38" t="s">
        <v>115</v>
      </c>
      <c r="C44" s="39" t="s">
        <v>116</v>
      </c>
      <c r="D44" s="40" t="s">
        <v>117</v>
      </c>
    </row>
    <row r="45" spans="1:29" ht="72">
      <c r="A45" s="41"/>
      <c r="B45" s="42" t="s">
        <v>118</v>
      </c>
      <c r="C45" s="134" t="s">
        <v>217</v>
      </c>
      <c r="D45" s="44" t="s">
        <v>120</v>
      </c>
    </row>
    <row r="46" spans="1:29">
      <c r="A46" s="45" t="s">
        <v>444</v>
      </c>
      <c r="B46" s="194">
        <v>11241</v>
      </c>
      <c r="C46" s="195">
        <v>4.0609946285479666</v>
      </c>
      <c r="D46" s="137">
        <v>4.1840405330496822E-2</v>
      </c>
    </row>
    <row r="47" spans="1:29">
      <c r="A47" s="49" t="s">
        <v>445</v>
      </c>
      <c r="B47" s="196">
        <v>888</v>
      </c>
      <c r="C47" s="197">
        <v>3.9995874909637847</v>
      </c>
      <c r="D47" s="141">
        <v>0.16595189408367794</v>
      </c>
    </row>
    <row r="48" spans="1:29">
      <c r="A48" s="53" t="s">
        <v>446</v>
      </c>
      <c r="B48" s="83">
        <v>116</v>
      </c>
      <c r="C48" s="84">
        <v>3.9235792003202188</v>
      </c>
      <c r="D48" s="85">
        <v>0.38830722670663409</v>
      </c>
    </row>
    <row r="49" spans="1:22">
      <c r="A49" s="49" t="s">
        <v>447</v>
      </c>
      <c r="B49" s="196">
        <v>60</v>
      </c>
      <c r="C49" s="197">
        <v>3.5807106856842275</v>
      </c>
      <c r="D49" s="141">
        <v>0.59981734465182557</v>
      </c>
    </row>
    <row r="50" spans="1:22">
      <c r="A50" s="57" t="s">
        <v>448</v>
      </c>
      <c r="B50" s="194">
        <v>251</v>
      </c>
      <c r="C50" s="195">
        <v>3.9086396275713535</v>
      </c>
      <c r="D50" s="137">
        <v>0.21592739567715746</v>
      </c>
    </row>
    <row r="51" spans="1:22">
      <c r="A51" s="49" t="s">
        <v>449</v>
      </c>
      <c r="B51" s="196">
        <v>275</v>
      </c>
      <c r="C51" s="197">
        <v>4.2524436766147975</v>
      </c>
      <c r="D51" s="141">
        <v>0.2761128353350748</v>
      </c>
    </row>
    <row r="52" spans="1:22">
      <c r="A52" s="57" t="s">
        <v>450</v>
      </c>
      <c r="B52" s="194">
        <v>156</v>
      </c>
      <c r="C52" s="195">
        <v>4.2615917118512554</v>
      </c>
      <c r="D52" s="137">
        <v>0.4243647589278976</v>
      </c>
    </row>
    <row r="60" spans="1:22" ht="18.75">
      <c r="A60" s="329" t="s">
        <v>52</v>
      </c>
      <c r="B60" s="329"/>
      <c r="C60" s="329"/>
      <c r="D60" s="329"/>
      <c r="E60" s="329"/>
      <c r="F60" s="329"/>
      <c r="G60" s="329"/>
      <c r="H60" s="329"/>
      <c r="I60" s="329"/>
      <c r="J60" s="329"/>
      <c r="K60" s="329"/>
      <c r="L60" s="329"/>
      <c r="M60" s="329"/>
      <c r="N60" s="329"/>
      <c r="O60" s="329"/>
      <c r="P60" s="329"/>
      <c r="Q60" s="329"/>
      <c r="R60" s="329"/>
      <c r="S60" s="329"/>
      <c r="T60" s="329"/>
      <c r="U60" s="329"/>
      <c r="V60" s="329"/>
    </row>
    <row r="61" spans="1:22" ht="41.25" customHeight="1">
      <c r="A61" s="355" t="s">
        <v>218</v>
      </c>
      <c r="B61" s="355"/>
      <c r="C61" s="355"/>
      <c r="D61" s="355"/>
      <c r="E61" s="355"/>
      <c r="F61" s="355"/>
      <c r="G61" s="355"/>
      <c r="H61" s="355"/>
      <c r="I61" s="355"/>
      <c r="J61" s="355"/>
      <c r="K61" s="355"/>
      <c r="L61" s="355"/>
      <c r="M61" s="355"/>
      <c r="N61" s="355"/>
      <c r="O61" s="355"/>
      <c r="P61" s="355"/>
      <c r="Q61" s="355"/>
      <c r="R61" s="355"/>
      <c r="S61" s="355"/>
      <c r="T61" s="355"/>
      <c r="U61" s="355"/>
      <c r="V61" s="355"/>
    </row>
    <row r="62" spans="1:22" ht="36" customHeight="1">
      <c r="A62" s="64"/>
      <c r="B62" s="354" t="s">
        <v>219</v>
      </c>
      <c r="C62" s="354"/>
      <c r="D62" s="354"/>
      <c r="E62" s="354"/>
      <c r="F62" s="354"/>
      <c r="G62" s="354"/>
      <c r="H62" s="354"/>
      <c r="I62" s="354" t="s">
        <v>392</v>
      </c>
      <c r="J62" s="354"/>
      <c r="K62" s="354"/>
      <c r="L62" s="354"/>
      <c r="M62" s="354"/>
      <c r="N62" s="354"/>
      <c r="O62" s="354"/>
      <c r="P62" s="354" t="s">
        <v>220</v>
      </c>
      <c r="Q62" s="354"/>
      <c r="R62" s="354"/>
      <c r="S62" s="354"/>
      <c r="T62" s="354"/>
      <c r="U62" s="354"/>
      <c r="V62" s="354"/>
    </row>
    <row r="63" spans="1:22" ht="39.75" customHeight="1">
      <c r="A63" s="37" t="s">
        <v>114</v>
      </c>
      <c r="B63" s="38" t="s">
        <v>115</v>
      </c>
      <c r="C63" s="38" t="s">
        <v>300</v>
      </c>
      <c r="D63" s="93" t="s">
        <v>145</v>
      </c>
      <c r="E63" s="38" t="s">
        <v>301</v>
      </c>
      <c r="F63" s="93" t="s">
        <v>146</v>
      </c>
      <c r="G63" s="38" t="s">
        <v>302</v>
      </c>
      <c r="H63" s="93" t="s">
        <v>147</v>
      </c>
      <c r="I63" s="65" t="s">
        <v>115</v>
      </c>
      <c r="J63" s="65" t="s">
        <v>300</v>
      </c>
      <c r="K63" s="92" t="s">
        <v>145</v>
      </c>
      <c r="L63" s="65" t="s">
        <v>301</v>
      </c>
      <c r="M63" s="92" t="s">
        <v>146</v>
      </c>
      <c r="N63" s="65" t="s">
        <v>302</v>
      </c>
      <c r="O63" s="92" t="s">
        <v>147</v>
      </c>
      <c r="P63" s="38" t="s">
        <v>115</v>
      </c>
      <c r="Q63" s="38" t="s">
        <v>300</v>
      </c>
      <c r="R63" s="40" t="s">
        <v>145</v>
      </c>
      <c r="S63" s="38" t="s">
        <v>301</v>
      </c>
      <c r="T63" s="40" t="s">
        <v>146</v>
      </c>
      <c r="U63" s="38" t="s">
        <v>302</v>
      </c>
      <c r="V63" s="40" t="s">
        <v>147</v>
      </c>
    </row>
    <row r="64" spans="1:22" ht="71.25" customHeight="1">
      <c r="A64" s="41"/>
      <c r="B64" s="42" t="s">
        <v>118</v>
      </c>
      <c r="C64" s="42" t="s">
        <v>303</v>
      </c>
      <c r="D64" s="95" t="s">
        <v>213</v>
      </c>
      <c r="E64" s="42" t="s">
        <v>304</v>
      </c>
      <c r="F64" s="95" t="s">
        <v>214</v>
      </c>
      <c r="G64" s="42" t="s">
        <v>305</v>
      </c>
      <c r="H64" s="95" t="s">
        <v>215</v>
      </c>
      <c r="I64" s="68" t="s">
        <v>118</v>
      </c>
      <c r="J64" s="68" t="s">
        <v>303</v>
      </c>
      <c r="K64" s="94" t="s">
        <v>213</v>
      </c>
      <c r="L64" s="68" t="s">
        <v>304</v>
      </c>
      <c r="M64" s="94" t="s">
        <v>214</v>
      </c>
      <c r="N64" s="68" t="s">
        <v>305</v>
      </c>
      <c r="O64" s="94" t="s">
        <v>215</v>
      </c>
      <c r="P64" s="42" t="s">
        <v>118</v>
      </c>
      <c r="Q64" s="42" t="s">
        <v>303</v>
      </c>
      <c r="R64" s="44" t="s">
        <v>213</v>
      </c>
      <c r="S64" s="42" t="s">
        <v>304</v>
      </c>
      <c r="T64" s="44" t="s">
        <v>214</v>
      </c>
      <c r="U64" s="42" t="s">
        <v>305</v>
      </c>
      <c r="V64" s="44" t="s">
        <v>215</v>
      </c>
    </row>
    <row r="65" spans="1:22">
      <c r="A65" s="45" t="s">
        <v>444</v>
      </c>
      <c r="B65" s="198">
        <v>11596</v>
      </c>
      <c r="C65" s="199">
        <v>0.21999042342638581</v>
      </c>
      <c r="D65" s="98">
        <v>7.5395831731882136E-3</v>
      </c>
      <c r="E65" s="199">
        <v>0.22020626352462855</v>
      </c>
      <c r="F65" s="98">
        <v>7.5422345319408942E-3</v>
      </c>
      <c r="G65" s="200">
        <v>0.55980331304898567</v>
      </c>
      <c r="H65" s="98">
        <v>9.0337978237582228E-3</v>
      </c>
      <c r="I65" s="198">
        <v>11500</v>
      </c>
      <c r="J65" s="200">
        <v>0.44947861612951751</v>
      </c>
      <c r="K65" s="98">
        <v>9.0902286257651E-3</v>
      </c>
      <c r="L65" s="199">
        <v>0.21014065581151645</v>
      </c>
      <c r="M65" s="98">
        <v>7.4462560856853512E-3</v>
      </c>
      <c r="N65" s="199">
        <v>0.34038072805896602</v>
      </c>
      <c r="O65" s="98">
        <v>8.659202908957768E-3</v>
      </c>
      <c r="P65" s="198">
        <v>11554</v>
      </c>
      <c r="Q65" s="200">
        <v>0.54943040629841333</v>
      </c>
      <c r="R65" s="98">
        <v>9.070965074637654E-3</v>
      </c>
      <c r="S65" s="199">
        <v>0.22217646168141586</v>
      </c>
      <c r="T65" s="98">
        <v>7.5800382769108015E-3</v>
      </c>
      <c r="U65" s="199">
        <v>0.22839313202017075</v>
      </c>
      <c r="V65" s="98">
        <v>7.6545063044880885E-3</v>
      </c>
    </row>
    <row r="66" spans="1:22">
      <c r="A66" s="49" t="s">
        <v>445</v>
      </c>
      <c r="B66" s="201">
        <v>915</v>
      </c>
      <c r="C66" s="202">
        <v>0.23115752893688318</v>
      </c>
      <c r="D66" s="101">
        <v>2.7304657607662326E-2</v>
      </c>
      <c r="E66" s="202">
        <v>0.20873055213927463</v>
      </c>
      <c r="F66" s="101">
        <v>2.6334206244323494E-2</v>
      </c>
      <c r="G66" s="203">
        <v>0.56011191892384216</v>
      </c>
      <c r="H66" s="101">
        <v>3.2094785734447288E-2</v>
      </c>
      <c r="I66" s="201">
        <v>900</v>
      </c>
      <c r="J66" s="203">
        <v>0.44616131994080943</v>
      </c>
      <c r="K66" s="101">
        <v>3.240648645110103E-2</v>
      </c>
      <c r="L66" s="202">
        <v>0.19080263348506304</v>
      </c>
      <c r="M66" s="101">
        <v>2.5684747301420046E-2</v>
      </c>
      <c r="N66" s="202">
        <v>0.36303604657412752</v>
      </c>
      <c r="O66" s="101">
        <v>3.1358815503920764E-2</v>
      </c>
      <c r="P66" s="201">
        <v>901</v>
      </c>
      <c r="Q66" s="203">
        <v>0.47828085214356097</v>
      </c>
      <c r="R66" s="101">
        <v>3.2545825217390877E-2</v>
      </c>
      <c r="S66" s="202">
        <v>0.2282740808814353</v>
      </c>
      <c r="T66" s="101">
        <v>2.7396361669783514E-2</v>
      </c>
      <c r="U66" s="202">
        <v>0.29344506697500372</v>
      </c>
      <c r="V66" s="101">
        <v>2.9693536277269929E-2</v>
      </c>
    </row>
    <row r="67" spans="1:22">
      <c r="A67" s="53" t="s">
        <v>446</v>
      </c>
      <c r="B67" s="54">
        <v>118</v>
      </c>
      <c r="C67" s="187">
        <v>0.19893240449843017</v>
      </c>
      <c r="D67" s="98">
        <v>7.2125228369316688E-2</v>
      </c>
      <c r="E67" s="187">
        <v>0.24230266453200661</v>
      </c>
      <c r="F67" s="98">
        <v>7.6914994848113621E-2</v>
      </c>
      <c r="G67" s="187">
        <v>0.55876493096956314</v>
      </c>
      <c r="H67" s="98">
        <v>8.8149900035468312E-2</v>
      </c>
      <c r="I67" s="54">
        <v>116</v>
      </c>
      <c r="J67" s="187">
        <v>0.34375308315894082</v>
      </c>
      <c r="K67" s="98">
        <v>8.528202185750676E-2</v>
      </c>
      <c r="L67" s="187">
        <v>0.26522072470816827</v>
      </c>
      <c r="M67" s="98">
        <v>7.9714471449562133E-2</v>
      </c>
      <c r="N67" s="187">
        <v>0.39102619213289092</v>
      </c>
      <c r="O67" s="98">
        <v>8.7453346371192273E-2</v>
      </c>
      <c r="P67" s="54">
        <v>115</v>
      </c>
      <c r="Q67" s="187">
        <v>0.44655856070793493</v>
      </c>
      <c r="R67" s="98">
        <v>8.935594134858342E-2</v>
      </c>
      <c r="S67" s="187">
        <v>0.31244556362257214</v>
      </c>
      <c r="T67" s="98">
        <v>8.3726110016965158E-2</v>
      </c>
      <c r="U67" s="187">
        <v>0.24099587566949293</v>
      </c>
      <c r="V67" s="98">
        <v>7.7769702127422402E-2</v>
      </c>
    </row>
    <row r="68" spans="1:22">
      <c r="A68" s="49" t="s">
        <v>447</v>
      </c>
      <c r="B68" s="201">
        <v>59</v>
      </c>
      <c r="C68" s="202">
        <v>0.28924720160246215</v>
      </c>
      <c r="D68" s="101">
        <v>0.11344170318107755</v>
      </c>
      <c r="E68" s="202">
        <v>0.11612827052424365</v>
      </c>
      <c r="F68" s="101">
        <v>8.5812053322169318E-2</v>
      </c>
      <c r="G68" s="203">
        <v>0.59462452787329423</v>
      </c>
      <c r="H68" s="101">
        <v>0.12151375112800462</v>
      </c>
      <c r="I68" s="201">
        <v>60</v>
      </c>
      <c r="J68" s="203">
        <v>0.37764149471972058</v>
      </c>
      <c r="K68" s="101">
        <v>0.11923255790342921</v>
      </c>
      <c r="L68" s="202">
        <v>8.099052675459098E-2</v>
      </c>
      <c r="M68" s="101">
        <v>7.5788350251991599E-2</v>
      </c>
      <c r="N68" s="202">
        <v>0.54136797852568841</v>
      </c>
      <c r="O68" s="101">
        <v>0.1221309442905419</v>
      </c>
      <c r="P68" s="201">
        <v>59</v>
      </c>
      <c r="Q68" s="203">
        <v>0.20951861685798326</v>
      </c>
      <c r="R68" s="101">
        <v>0.1035944009470384</v>
      </c>
      <c r="S68" s="202">
        <v>0.21628223251624443</v>
      </c>
      <c r="T68" s="101">
        <v>0.10459206309555152</v>
      </c>
      <c r="U68" s="202">
        <v>0.57419915062577231</v>
      </c>
      <c r="V68" s="101">
        <v>0.12227022304553946</v>
      </c>
    </row>
    <row r="69" spans="1:22">
      <c r="A69" s="57" t="s">
        <v>448</v>
      </c>
      <c r="B69" s="198">
        <v>251</v>
      </c>
      <c r="C69" s="199">
        <v>0.16131250165552236</v>
      </c>
      <c r="D69" s="98">
        <v>4.5737935074301711E-2</v>
      </c>
      <c r="E69" s="199">
        <v>0.21433496130819896</v>
      </c>
      <c r="F69" s="98">
        <v>5.0746042065245293E-2</v>
      </c>
      <c r="G69" s="200">
        <v>0.62435253703627869</v>
      </c>
      <c r="H69" s="98">
        <v>5.950265360690396E-2</v>
      </c>
      <c r="I69" s="198">
        <v>250</v>
      </c>
      <c r="J69" s="200">
        <v>0.47004954602943549</v>
      </c>
      <c r="K69" s="98">
        <v>6.1383705180524988E-2</v>
      </c>
      <c r="L69" s="199">
        <v>0.22069160221915424</v>
      </c>
      <c r="M69" s="98">
        <v>5.1362133533568506E-2</v>
      </c>
      <c r="N69" s="199">
        <v>0.30925885175141027</v>
      </c>
      <c r="O69" s="98">
        <v>5.6991559198639276E-2</v>
      </c>
      <c r="P69" s="198">
        <v>251</v>
      </c>
      <c r="Q69" s="200">
        <v>0.45727053469841716</v>
      </c>
      <c r="R69" s="98">
        <v>6.1152470999834709E-2</v>
      </c>
      <c r="S69" s="199">
        <v>0.273956406194168</v>
      </c>
      <c r="T69" s="98">
        <v>5.4958827030775016E-2</v>
      </c>
      <c r="U69" s="199">
        <v>0.26877305910741484</v>
      </c>
      <c r="V69" s="98">
        <v>5.4643178296196762E-2</v>
      </c>
    </row>
    <row r="70" spans="1:22">
      <c r="A70" s="49" t="s">
        <v>449</v>
      </c>
      <c r="B70" s="201">
        <v>279</v>
      </c>
      <c r="C70" s="202">
        <v>0.2785954798512576</v>
      </c>
      <c r="D70" s="101">
        <v>5.2410808948562634E-2</v>
      </c>
      <c r="E70" s="202">
        <v>0.22639515322367279</v>
      </c>
      <c r="F70" s="101">
        <v>4.9050754380208145E-2</v>
      </c>
      <c r="G70" s="203">
        <v>0.49500936692506958</v>
      </c>
      <c r="H70" s="101">
        <v>5.8252132769670617E-2</v>
      </c>
      <c r="I70" s="201">
        <v>269</v>
      </c>
      <c r="J70" s="203">
        <v>0.50929510136181322</v>
      </c>
      <c r="K70" s="101">
        <v>5.9302346468681995E-2</v>
      </c>
      <c r="L70" s="202">
        <v>0.1714801074071737</v>
      </c>
      <c r="M70" s="101">
        <v>4.5204245757057719E-2</v>
      </c>
      <c r="N70" s="202">
        <v>0.31922479123101299</v>
      </c>
      <c r="O70" s="101">
        <v>5.5420791190615257E-2</v>
      </c>
      <c r="P70" s="201">
        <v>273</v>
      </c>
      <c r="Q70" s="203">
        <v>0.61998972954177567</v>
      </c>
      <c r="R70" s="101">
        <v>5.7211883205609215E-2</v>
      </c>
      <c r="S70" s="202">
        <v>0.15979999603956813</v>
      </c>
      <c r="T70" s="101">
        <v>4.3681505349552834E-2</v>
      </c>
      <c r="U70" s="202">
        <v>0.22021027441865615</v>
      </c>
      <c r="V70" s="101">
        <v>4.9118340997149103E-2</v>
      </c>
    </row>
    <row r="71" spans="1:22">
      <c r="A71" s="57" t="s">
        <v>450</v>
      </c>
      <c r="B71" s="198">
        <v>156</v>
      </c>
      <c r="C71" s="199">
        <v>0.239114836467341</v>
      </c>
      <c r="D71" s="98">
        <v>6.6701122295396723E-2</v>
      </c>
      <c r="E71" s="199">
        <v>0.21446137117120453</v>
      </c>
      <c r="F71" s="98">
        <v>6.4354994474751834E-2</v>
      </c>
      <c r="G71" s="200">
        <v>0.54642379236145444</v>
      </c>
      <c r="H71" s="98">
        <v>7.7157691406401038E-2</v>
      </c>
      <c r="I71" s="198">
        <v>155</v>
      </c>
      <c r="J71" s="200">
        <v>0.5279657018381515</v>
      </c>
      <c r="K71" s="98">
        <v>7.7603443845501857E-2</v>
      </c>
      <c r="L71" s="199">
        <v>0.19764238326013445</v>
      </c>
      <c r="M71" s="98">
        <v>6.2778866356527255E-2</v>
      </c>
      <c r="N71" s="199">
        <v>0.27439191490171411</v>
      </c>
      <c r="O71" s="98">
        <v>6.9796685424124344E-2</v>
      </c>
      <c r="P71" s="198">
        <v>155</v>
      </c>
      <c r="Q71" s="200">
        <v>0.61722595263305324</v>
      </c>
      <c r="R71" s="98">
        <v>7.5661932797836132E-2</v>
      </c>
      <c r="S71" s="199">
        <v>0.19235934575383659</v>
      </c>
      <c r="T71" s="98">
        <v>6.2186751547500384E-2</v>
      </c>
      <c r="U71" s="199">
        <v>0.19041470161311019</v>
      </c>
      <c r="V71" s="98">
        <v>6.1964770223746489E-2</v>
      </c>
    </row>
  </sheetData>
  <mergeCells count="17">
    <mergeCell ref="A42:D42"/>
    <mergeCell ref="A43:D43"/>
    <mergeCell ref="A60:V60"/>
    <mergeCell ref="A61:V61"/>
    <mergeCell ref="B62:H62"/>
    <mergeCell ref="I62:O62"/>
    <mergeCell ref="P62:V62"/>
    <mergeCell ref="B24:H24"/>
    <mergeCell ref="I24:O24"/>
    <mergeCell ref="P24:V24"/>
    <mergeCell ref="W24:AC24"/>
    <mergeCell ref="A41:D41"/>
    <mergeCell ref="A3:D3"/>
    <mergeCell ref="A4:D4"/>
    <mergeCell ref="A5:D5"/>
    <mergeCell ref="A22:AC22"/>
    <mergeCell ref="A23:AC23"/>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28393</cp:lastModifiedBy>
  <dcterms:created xsi:type="dcterms:W3CDTF">2014-05-19T04:59:05Z</dcterms:created>
  <dcterms:modified xsi:type="dcterms:W3CDTF">2018-01-17T02:23:00Z</dcterms:modified>
</cp:coreProperties>
</file>